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4C6EE307-8920-4AF4-9D76-7C055F316EF8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Results (5)" sheetId="1" r:id="rId1"/>
  </sheets>
  <calcPr calcId="0"/>
</workbook>
</file>

<file path=xl/sharedStrings.xml><?xml version="1.0" encoding="utf-8"?>
<sst xmlns="http://schemas.openxmlformats.org/spreadsheetml/2006/main" count="2005" uniqueCount="872">
  <si>
    <t>Event</t>
  </si>
  <si>
    <t>Name</t>
  </si>
  <si>
    <t>School</t>
  </si>
  <si>
    <t>Place</t>
  </si>
  <si>
    <t>3D Animation</t>
  </si>
  <si>
    <t>Kolton Dickinson / Kendyl Kirkwood / Jenna Lengfelder</t>
  </si>
  <si>
    <t>Fleming High School</t>
  </si>
  <si>
    <t>Levi Collins / Brianna Denton</t>
  </si>
  <si>
    <t>Swink High School</t>
  </si>
  <si>
    <t>Lesley Coss-Morales</t>
  </si>
  <si>
    <t>Haxtun High School</t>
  </si>
  <si>
    <t>Shayna Mason</t>
  </si>
  <si>
    <t>Arickaree School</t>
  </si>
  <si>
    <t>Accounting I</t>
  </si>
  <si>
    <t>Cori Curtis</t>
  </si>
  <si>
    <t>Alamosa High School</t>
  </si>
  <si>
    <t>Zack Nguyen</t>
  </si>
  <si>
    <t>Cherokee Trail High School</t>
  </si>
  <si>
    <t>Jessica Slane</t>
  </si>
  <si>
    <t>Sangre De Cristo High School</t>
  </si>
  <si>
    <t>Bradley Carnes-Clabey</t>
  </si>
  <si>
    <t>Crowley County High School</t>
  </si>
  <si>
    <t>Michael Ahearn</t>
  </si>
  <si>
    <t>Chatfield Sr. High School</t>
  </si>
  <si>
    <t>Elizabeth High School</t>
  </si>
  <si>
    <t>Doherty High School</t>
  </si>
  <si>
    <t>Discovery Canyon High School</t>
  </si>
  <si>
    <t>Ashley Trevino</t>
  </si>
  <si>
    <t>Delta High School</t>
  </si>
  <si>
    <t>Adams City High School</t>
  </si>
  <si>
    <t>Fossil Ridge High School</t>
  </si>
  <si>
    <t>Garrett Hurlburt</t>
  </si>
  <si>
    <t>Idalia High School</t>
  </si>
  <si>
    <t>Sterling High School</t>
  </si>
  <si>
    <t>Silver Creek High School</t>
  </si>
  <si>
    <t>Pueblo South High School</t>
  </si>
  <si>
    <t>Englewood Senior High School</t>
  </si>
  <si>
    <t>Jay Paolucci</t>
  </si>
  <si>
    <t>La Junta High School</t>
  </si>
  <si>
    <t>Fairview High School</t>
  </si>
  <si>
    <t>Logan Cone</t>
  </si>
  <si>
    <t>Highlands Ranch High School</t>
  </si>
  <si>
    <t>Heritage High School</t>
  </si>
  <si>
    <t>George Washington High School</t>
  </si>
  <si>
    <t>Fruita Monument High School</t>
  </si>
  <si>
    <t>Kristen Bivens</t>
  </si>
  <si>
    <t>Wray High School</t>
  </si>
  <si>
    <t>Mountain Vista High School</t>
  </si>
  <si>
    <t>Accounting II</t>
  </si>
  <si>
    <t>Hayley Scott</t>
  </si>
  <si>
    <t>Kasey Martinez</t>
  </si>
  <si>
    <t>Limon High School</t>
  </si>
  <si>
    <t>Anthony Dreher</t>
  </si>
  <si>
    <t>Akron High School</t>
  </si>
  <si>
    <t>Isaiah Herder</t>
  </si>
  <si>
    <t>Derrick Poss</t>
  </si>
  <si>
    <t>Weldon Valley High School</t>
  </si>
  <si>
    <t>Quezdon Ivey</t>
  </si>
  <si>
    <t>Vista Peak Preparatory</t>
  </si>
  <si>
    <t>Brittany Griego</t>
  </si>
  <si>
    <t>Pueblo Centennial High School</t>
  </si>
  <si>
    <t>Peetz High School</t>
  </si>
  <si>
    <t>Joseph Daily</t>
  </si>
  <si>
    <t>Cordell Soderquist</t>
  </si>
  <si>
    <t>Thomas Nguyen</t>
  </si>
  <si>
    <t>Advertising</t>
  </si>
  <si>
    <t>Swarna Shiv</t>
  </si>
  <si>
    <t>Elijah Marler</t>
  </si>
  <si>
    <t>Prairie High School</t>
  </si>
  <si>
    <t>Ayush Londhe</t>
  </si>
  <si>
    <t>Rock Canyon High School</t>
  </si>
  <si>
    <t>Claire Nguyen</t>
  </si>
  <si>
    <t>Grandview High School</t>
  </si>
  <si>
    <t>Jeffrey Hage</t>
  </si>
  <si>
    <t>Douglas County High School</t>
  </si>
  <si>
    <t>Loveland High School</t>
  </si>
  <si>
    <t>Aspen High School</t>
  </si>
  <si>
    <t>Boulder High School</t>
  </si>
  <si>
    <t>Avery McCauley</t>
  </si>
  <si>
    <t>Broomfield High School</t>
  </si>
  <si>
    <t>Burlington High School</t>
  </si>
  <si>
    <t>Centauri High School</t>
  </si>
  <si>
    <t>Alyssa Nguyen</t>
  </si>
  <si>
    <t>AneMarie Thacker</t>
  </si>
  <si>
    <t>Del Norte High School</t>
  </si>
  <si>
    <t>Fowler High School</t>
  </si>
  <si>
    <t>Greeley Central High School</t>
  </si>
  <si>
    <t>Addison Saunders</t>
  </si>
  <si>
    <t>Montrose High School</t>
  </si>
  <si>
    <t>Mountain View High School</t>
  </si>
  <si>
    <t>Platte Valley High School</t>
  </si>
  <si>
    <t>Hannah Ribarich</t>
  </si>
  <si>
    <t>Pueblo East High School</t>
  </si>
  <si>
    <t>Sargent High School</t>
  </si>
  <si>
    <t>Wiggins High School</t>
  </si>
  <si>
    <t>Agribusiness</t>
  </si>
  <si>
    <t>Laura Guerra</t>
  </si>
  <si>
    <t>Abagail Watters</t>
  </si>
  <si>
    <t>Emma Roll</t>
  </si>
  <si>
    <t>Holyoke High School</t>
  </si>
  <si>
    <t>Kaylee Mecham</t>
  </si>
  <si>
    <t>Rangely High School</t>
  </si>
  <si>
    <t>Tyler Hijar-Hawks</t>
  </si>
  <si>
    <t>Gabreece Van Anne</t>
  </si>
  <si>
    <t>Arapahoe High School</t>
  </si>
  <si>
    <t>Fort Morgan High School</t>
  </si>
  <si>
    <t>Malia Shen</t>
  </si>
  <si>
    <t>Eaton High School</t>
  </si>
  <si>
    <t>Hayden High School</t>
  </si>
  <si>
    <t>Bryce Hill</t>
  </si>
  <si>
    <t>Caliche High School</t>
  </si>
  <si>
    <t>Big Sandy High School</t>
  </si>
  <si>
    <t>Bennett High School</t>
  </si>
  <si>
    <t>Jed Sidwell</t>
  </si>
  <si>
    <t>Sheridan Peterson</t>
  </si>
  <si>
    <t>Sanford High School</t>
  </si>
  <si>
    <t>Olathe High School</t>
  </si>
  <si>
    <t>Monarch High School</t>
  </si>
  <si>
    <t>Legacy High School</t>
  </si>
  <si>
    <t>Lamar High School</t>
  </si>
  <si>
    <t>Rampart High School</t>
  </si>
  <si>
    <t>American Enterprise Project</t>
  </si>
  <si>
    <t>NADALYN POSS / SARA WYLIE / MARIAH DEMERS</t>
  </si>
  <si>
    <t>Jayna Bell / Kodie Hasz / Kyle Klann</t>
  </si>
  <si>
    <t>Flagler High School</t>
  </si>
  <si>
    <t>Trey McDowell / Hadlie Rittgers / Kaylee Wilson</t>
  </si>
  <si>
    <t>Eads High School</t>
  </si>
  <si>
    <t>Savannah Burris / Kaylee Camblin / Tyler Lamm</t>
  </si>
  <si>
    <t>McKenna Andersen / Dawson Knode / Riley Thompson</t>
  </si>
  <si>
    <t>Kadi Rayl / Steve Wells</t>
  </si>
  <si>
    <t>Yuma High School</t>
  </si>
  <si>
    <t>Lily Helzer / Josh Yancy</t>
  </si>
  <si>
    <t>Takoda Batterton / Ashlyn Churchwell</t>
  </si>
  <si>
    <t>Sam Camper / Sarah Camper / Sydney Holtman</t>
  </si>
  <si>
    <t>Erika Goth / Preston Mottier / Nick Tran</t>
  </si>
  <si>
    <t>Samantha Beezley</t>
  </si>
  <si>
    <t>Valley High School</t>
  </si>
  <si>
    <t>Las Animas High School</t>
  </si>
  <si>
    <t>Josie Macdonald</t>
  </si>
  <si>
    <t>Fort Lupton High School</t>
  </si>
  <si>
    <t>Makenzie Rogers</t>
  </si>
  <si>
    <t>Aubrey Richards</t>
  </si>
  <si>
    <t>Sand Creek High School</t>
  </si>
  <si>
    <t>Briauna McFadden</t>
  </si>
  <si>
    <t>ThunderRidge High School</t>
  </si>
  <si>
    <t>Roosevelt High School</t>
  </si>
  <si>
    <t>Ross Panning</t>
  </si>
  <si>
    <t>Ponderosa High School</t>
  </si>
  <si>
    <t>McClave High School</t>
  </si>
  <si>
    <t>Banking &amp; Financial Systems</t>
  </si>
  <si>
    <t>Izzy Branscomb</t>
  </si>
  <si>
    <t>Will Cutchin / Jessica Yang</t>
  </si>
  <si>
    <t>Jorge Halvas / Daivi Patel</t>
  </si>
  <si>
    <t>Harper Lowrey</t>
  </si>
  <si>
    <t>Poudre High School</t>
  </si>
  <si>
    <t>Rohit Garimella / Ganesh Koukuntla</t>
  </si>
  <si>
    <t>Teggan Freauff / Makayla Harris / Britney Hart</t>
  </si>
  <si>
    <t>Brandon Lindsay / Henry Stucky</t>
  </si>
  <si>
    <t>Seanna Coklin / Margus Salazar / Noah Young</t>
  </si>
  <si>
    <t>Frederick High School</t>
  </si>
  <si>
    <t>Carla Caro / Jaecey Lambrecht / Caleb Roth</t>
  </si>
  <si>
    <t>Maria Dominguez / Dayana Enriquez / Prisilia Orrantia</t>
  </si>
  <si>
    <t>Broadcast Journalism</t>
  </si>
  <si>
    <t>Sydney Becker / Kavleen Singh / Kaylee Spedon</t>
  </si>
  <si>
    <t>Nathan Saffer / Devan Stegner / Garrett Witt</t>
  </si>
  <si>
    <t>Alexia Hernandez / JT Pollart</t>
  </si>
  <si>
    <t>Michelle Lopez</t>
  </si>
  <si>
    <t>Greeley West High School</t>
  </si>
  <si>
    <t>Sophie Park / Cate Landry</t>
  </si>
  <si>
    <t>Ian Kersey / Olivia Lewis / Robyn Wallace</t>
  </si>
  <si>
    <t>Maria Pangalos / Ashley Swett</t>
  </si>
  <si>
    <t>Able Neguisse / Jorion Marshall / Brayan Melendez</t>
  </si>
  <si>
    <t>Rangeview High School</t>
  </si>
  <si>
    <t>Isabel Dalmer / Ashi Pidikiti</t>
  </si>
  <si>
    <t>Harrison Boushele / Ethan Corbett / Rajat Malani</t>
  </si>
  <si>
    <t>Business Calculations</t>
  </si>
  <si>
    <t>Jose DelaTorre</t>
  </si>
  <si>
    <t>Castle View High School</t>
  </si>
  <si>
    <t>Keshav Nambiar</t>
  </si>
  <si>
    <t>Justin Kopek</t>
  </si>
  <si>
    <t>Saurav Behera</t>
  </si>
  <si>
    <t>Levi Kipp</t>
  </si>
  <si>
    <t>Alex Ilic</t>
  </si>
  <si>
    <t>Ben Marquardt</t>
  </si>
  <si>
    <t>Berthoud High School</t>
  </si>
  <si>
    <t>Harshith Alete</t>
  </si>
  <si>
    <t>Cherry Creek High School</t>
  </si>
  <si>
    <t>Emmakate Raisley</t>
  </si>
  <si>
    <t>Pomona High School</t>
  </si>
  <si>
    <t>Nolan Helms</t>
  </si>
  <si>
    <t>Business Communication</t>
  </si>
  <si>
    <t>John Zack</t>
  </si>
  <si>
    <t>Benjamin Altschuler</t>
  </si>
  <si>
    <t>StevieJo Davis</t>
  </si>
  <si>
    <t>Kellen Kappel</t>
  </si>
  <si>
    <t>Windsor High School</t>
  </si>
  <si>
    <t>Bella Sumner</t>
  </si>
  <si>
    <t>Sydney Sorensen</t>
  </si>
  <si>
    <t>Miranda Davis</t>
  </si>
  <si>
    <t>Caitlin Reeves</t>
  </si>
  <si>
    <t>Antonito High School</t>
  </si>
  <si>
    <t>Leah Vida</t>
  </si>
  <si>
    <t>Mountain Range High School</t>
  </si>
  <si>
    <t>Isabel Anaya</t>
  </si>
  <si>
    <t>Stratton High School</t>
  </si>
  <si>
    <t>Business Ethics</t>
  </si>
  <si>
    <t>Jack McConnel</t>
  </si>
  <si>
    <t>Arnold Muasa / Gaia Murphy / Sabrina Turbidy</t>
  </si>
  <si>
    <t>Carley Stordahl / Katherine Rausch / Lauren Kelly</t>
  </si>
  <si>
    <t>Holly Trujillo / Devin Cata</t>
  </si>
  <si>
    <t>Nikaash Maheshwari / Caleb Stevens</t>
  </si>
  <si>
    <t>Jessica Kern / Trevor Milne / Wesley Seger</t>
  </si>
  <si>
    <t>Negar Ahmadian / Anna Shah</t>
  </si>
  <si>
    <t>Ben Finan</t>
  </si>
  <si>
    <t>Melanie Perse</t>
  </si>
  <si>
    <t>Maisy Montagu / Demery Pace / Ella Larson</t>
  </si>
  <si>
    <t>Business Financial Plan</t>
  </si>
  <si>
    <t>Zeke Johnson / Brooke Stromberger / Kinlie Lewis</t>
  </si>
  <si>
    <t>Kendra Eickleberry / Kelsey Lagunas / Rylee Adkisson</t>
  </si>
  <si>
    <t>Raynie Harvey / Isaac Kaiser / Kaitlenn Witzel</t>
  </si>
  <si>
    <t>Jacob Hays / Charles Springer</t>
  </si>
  <si>
    <t>Shreya Naik / Subhiksha Subrahmanyan</t>
  </si>
  <si>
    <t>Grant Carney / Gerado Soto / Jacob Rothrock</t>
  </si>
  <si>
    <t>Mia Anderson / Kendal Fisher</t>
  </si>
  <si>
    <t>Pine Creek High School</t>
  </si>
  <si>
    <t>Tyler Palmen / John Samuelson / Joseph Warkins</t>
  </si>
  <si>
    <t>Savana Charlton / Brandon Kohrt</t>
  </si>
  <si>
    <t>Jenna Ammidown / Katie Herby</t>
  </si>
  <si>
    <t>Business Law</t>
  </si>
  <si>
    <t>Tanner Peart</t>
  </si>
  <si>
    <t>Pagosa Springs High School</t>
  </si>
  <si>
    <t>Jonathan Gertner</t>
  </si>
  <si>
    <t>Joy Foster</t>
  </si>
  <si>
    <t>Brian Roussev</t>
  </si>
  <si>
    <t>Melanie Zhou</t>
  </si>
  <si>
    <t>Dove Creek High School</t>
  </si>
  <si>
    <t>Sadie Fletcher</t>
  </si>
  <si>
    <t>Kennedy Masterson</t>
  </si>
  <si>
    <t>Clay Kinnison</t>
  </si>
  <si>
    <t>Pawnee High School</t>
  </si>
  <si>
    <t>Karla Ibarra Ruiz</t>
  </si>
  <si>
    <t>Moffat County High School</t>
  </si>
  <si>
    <t>Rachael Calkum</t>
  </si>
  <si>
    <t>Business Plan</t>
  </si>
  <si>
    <t>Shriya Amara</t>
  </si>
  <si>
    <t>Madi Kenyon / Raquel Reese</t>
  </si>
  <si>
    <t>Emma Carpender / Erica McNamee / Mary Muench</t>
  </si>
  <si>
    <t>Littleton High School</t>
  </si>
  <si>
    <t>Sakthi Asokan / Kate Jackowski</t>
  </si>
  <si>
    <t>Jackson Hammond / David Hirschhorn</t>
  </si>
  <si>
    <t>Jacob Frenzen</t>
  </si>
  <si>
    <t>Kaysha Gray</t>
  </si>
  <si>
    <t>Overland High School</t>
  </si>
  <si>
    <t>Maggie McHugh</t>
  </si>
  <si>
    <t>Kylie Gregg / Michelle Ren</t>
  </si>
  <si>
    <t>Brush High School</t>
  </si>
  <si>
    <t>Pria Zaveri</t>
  </si>
  <si>
    <t>Client Service</t>
  </si>
  <si>
    <t>Sheldon Hafner</t>
  </si>
  <si>
    <t>Kaylan Ball</t>
  </si>
  <si>
    <t>Zarrah Dundes</t>
  </si>
  <si>
    <t>Juleesa Suarez</t>
  </si>
  <si>
    <t>Jacob Pitts</t>
  </si>
  <si>
    <t>Ava Bowman</t>
  </si>
  <si>
    <t>Smoky Hill High School</t>
  </si>
  <si>
    <t>Salida High School</t>
  </si>
  <si>
    <t>Melissa McKenna</t>
  </si>
  <si>
    <t>Angelina Nylund</t>
  </si>
  <si>
    <t>Ally Bartholomew</t>
  </si>
  <si>
    <t>Cheraw High School</t>
  </si>
  <si>
    <t>Madison Fatjo</t>
  </si>
  <si>
    <t>Central High School</t>
  </si>
  <si>
    <t>Coding and Programming</t>
  </si>
  <si>
    <t>Samuel Adams</t>
  </si>
  <si>
    <t>Nicole Rangel</t>
  </si>
  <si>
    <t>Dylan Sain</t>
  </si>
  <si>
    <t>Karthik Palusa</t>
  </si>
  <si>
    <t>Spencer Peck</t>
  </si>
  <si>
    <t>Akira Tyler</t>
  </si>
  <si>
    <t>Fountain Fort Carson High School</t>
  </si>
  <si>
    <t>Community Service Project</t>
  </si>
  <si>
    <t>Chloe Duffy / Sara Reim / Erica Rivas</t>
  </si>
  <si>
    <t>Jacqueline Cao / Amarah Duran-Pinedo / Logan Yeager</t>
  </si>
  <si>
    <t>Emily Acuff / Kassandra Chairez / Kyree Connaway</t>
  </si>
  <si>
    <t>Maria Alsubhi</t>
  </si>
  <si>
    <t>Haley VanOverbeke / Regan VanOverbeke / Anna Jelden</t>
  </si>
  <si>
    <t>Madison Rose / Emily Shelest / Reed Sims</t>
  </si>
  <si>
    <t>Strasburg High School</t>
  </si>
  <si>
    <t>Baylor Cobb / Maxwell Gorham / Logan Widick</t>
  </si>
  <si>
    <t>Jacob Barboa / Tanner Lujan / Angela Na</t>
  </si>
  <si>
    <t>McKenna VanDemark / Bailey Carson</t>
  </si>
  <si>
    <t>Falcon High School</t>
  </si>
  <si>
    <t>Reece Cohen / Caroline Moriarty / Nicholas Slossberg</t>
  </si>
  <si>
    <t>Computer Applications</t>
  </si>
  <si>
    <t>Kaci Chadwick</t>
  </si>
  <si>
    <t>Cheyenne Wells High School</t>
  </si>
  <si>
    <t>Christine Attai</t>
  </si>
  <si>
    <t>Xinxin Liu</t>
  </si>
  <si>
    <t>Kenzie Grauberger</t>
  </si>
  <si>
    <t>Avery Bouldin</t>
  </si>
  <si>
    <t>Zack Woodruff</t>
  </si>
  <si>
    <t>Thornton High School</t>
  </si>
  <si>
    <t>LIndsay Baker</t>
  </si>
  <si>
    <t>Emily Kozel</t>
  </si>
  <si>
    <t>Kaitlyn Miller</t>
  </si>
  <si>
    <t>Lucky Fichna</t>
  </si>
  <si>
    <t>Thompson Valley High School</t>
  </si>
  <si>
    <t>Computer Game &amp; Simulation Programming</t>
  </si>
  <si>
    <t>Yousuf Hassan / Dominic Lee / Aurangzeb Malik</t>
  </si>
  <si>
    <t>Cord Panning / Wyatt Stelzig</t>
  </si>
  <si>
    <t>Cody Osicka / Hayden Smith / Mason Wortman</t>
  </si>
  <si>
    <t>Clint McGinnis / Josh Silva / Amos Archuleta</t>
  </si>
  <si>
    <t>Matthew Davis / Augustas Cowan</t>
  </si>
  <si>
    <t>Cody Gross / Brandon Mendoza</t>
  </si>
  <si>
    <t>Daniel Floring / Abby Shrack</t>
  </si>
  <si>
    <t>Benjamin Gebhart / Parker Lamb / Alexander Yockey</t>
  </si>
  <si>
    <t>Fort Collins High School</t>
  </si>
  <si>
    <t>Wes Hu</t>
  </si>
  <si>
    <t>Nicholas Herbic / Sybrand Braakman / Blake Meston</t>
  </si>
  <si>
    <t>Computer Problem Solving</t>
  </si>
  <si>
    <t>Theodore Corrello</t>
  </si>
  <si>
    <t>Carter Bennett</t>
  </si>
  <si>
    <t>James Compo</t>
  </si>
  <si>
    <t>Mohit Bhat</t>
  </si>
  <si>
    <t>Adrian Reghitto</t>
  </si>
  <si>
    <t>Zidane Markey</t>
  </si>
  <si>
    <t>Eric Chen</t>
  </si>
  <si>
    <t>Triton Roman</t>
  </si>
  <si>
    <t>Steven Salazar</t>
  </si>
  <si>
    <t>Julesburg High School</t>
  </si>
  <si>
    <t>John F. Kennedy High School</t>
  </si>
  <si>
    <t>Pickens Technical - High School</t>
  </si>
  <si>
    <t>Zach Fuchs</t>
  </si>
  <si>
    <t>Cyber Security</t>
  </si>
  <si>
    <t>Ethan Ansburg</t>
  </si>
  <si>
    <t>Brady Bertoch</t>
  </si>
  <si>
    <t>Seon Lee</t>
  </si>
  <si>
    <t>Colton Reulecke</t>
  </si>
  <si>
    <t>Garrett Sneed</t>
  </si>
  <si>
    <t>Winston Ngo</t>
  </si>
  <si>
    <t>Johnathon Ballard</t>
  </si>
  <si>
    <t>Miguel Arvizu</t>
  </si>
  <si>
    <t>Fernando Aaron Reyes</t>
  </si>
  <si>
    <t>Tatiana Peixoto</t>
  </si>
  <si>
    <t>Database Design &amp; Applications</t>
  </si>
  <si>
    <t>Titus Unruh</t>
  </si>
  <si>
    <t>Zach Ballinger</t>
  </si>
  <si>
    <t>Addie Bright</t>
  </si>
  <si>
    <t>Chelsea Edgar</t>
  </si>
  <si>
    <t>Mayrene McCoy</t>
  </si>
  <si>
    <t>Bethany Flanagan</t>
  </si>
  <si>
    <t>Weld Central High School</t>
  </si>
  <si>
    <t>Logan DeRock</t>
  </si>
  <si>
    <t>Joli Dou</t>
  </si>
  <si>
    <t>Keghan McKune</t>
  </si>
  <si>
    <t>Megan Brown</t>
  </si>
  <si>
    <t>Digital Video Production</t>
  </si>
  <si>
    <t>Andrew Junge / Christopher Theodore</t>
  </si>
  <si>
    <t>Rae Stokes / Kathryn Warren / Joy Liu</t>
  </si>
  <si>
    <t>Mikaela Jarrett / Jacey Reinert</t>
  </si>
  <si>
    <t>Hao Lu</t>
  </si>
  <si>
    <t>Carissa Baker / Julia Vartuli</t>
  </si>
  <si>
    <t>Aaron Rubin / Jennifer Rubin / Nethra Viswaroopan</t>
  </si>
  <si>
    <t>Robert Barnett / Justin Stenman</t>
  </si>
  <si>
    <t>Northridge High School</t>
  </si>
  <si>
    <t>Josh Geurink / Andrew Schneider</t>
  </si>
  <si>
    <t>Mateo Rives / Joe Notaro</t>
  </si>
  <si>
    <t>Drake Ludgate / Alexa Ruhl</t>
  </si>
  <si>
    <t>E-Business</t>
  </si>
  <si>
    <t>Rico Carale / Chase Roweth</t>
  </si>
  <si>
    <t>Logan Markle / Victoria Toscano</t>
  </si>
  <si>
    <t>Liberty High School</t>
  </si>
  <si>
    <t>Jessica Hair / Amber Medina</t>
  </si>
  <si>
    <t>Jacqueline Valenzuela / Citlali Marquez</t>
  </si>
  <si>
    <t>Chan Chintaluru / Brendan Flewelling</t>
  </si>
  <si>
    <t>Bao Lu / Alina Mathews / Sarah Young</t>
  </si>
  <si>
    <t>Crystal Cordova / Ysabelle Mireles / Madison Wells</t>
  </si>
  <si>
    <t>Gracyn Nehring / Ashley Pak</t>
  </si>
  <si>
    <t>Kailey Smith / Desiree Westrom / Holly Pickens</t>
  </si>
  <si>
    <t>Ellie Schell</t>
  </si>
  <si>
    <t>Economics</t>
  </si>
  <si>
    <t>Colton Moore</t>
  </si>
  <si>
    <t>Retzio Gredig</t>
  </si>
  <si>
    <t>Jeannie Zhang</t>
  </si>
  <si>
    <t>Derek Chen</t>
  </si>
  <si>
    <t>Luke Krogmeier</t>
  </si>
  <si>
    <t>Colton Admire</t>
  </si>
  <si>
    <t>Dillon Sullivan</t>
  </si>
  <si>
    <t>Richard Keck</t>
  </si>
  <si>
    <t>Kim High School</t>
  </si>
  <si>
    <t>Otis High School</t>
  </si>
  <si>
    <t>Neeraj Dodda</t>
  </si>
  <si>
    <t>Anna Heimel</t>
  </si>
  <si>
    <t>Electronic Career Portfolio</t>
  </si>
  <si>
    <t>Cassidy Swart</t>
  </si>
  <si>
    <t>Hannah Park</t>
  </si>
  <si>
    <t>Andrew Kennedy</t>
  </si>
  <si>
    <t>Elizabeth Thomas</t>
  </si>
  <si>
    <t>Swati Jujare</t>
  </si>
  <si>
    <t>Sierra Scheibe</t>
  </si>
  <si>
    <t>Thomas Faucette</t>
  </si>
  <si>
    <t>Madison Hebrink</t>
  </si>
  <si>
    <t>Willard Zbaeren</t>
  </si>
  <si>
    <t>Ryan Schaefer</t>
  </si>
  <si>
    <t>Emerging Business Issues</t>
  </si>
  <si>
    <t>Liliana Flanigan / Savanna Pottorff</t>
  </si>
  <si>
    <t>Palisade High School</t>
  </si>
  <si>
    <t>Anushka Kathait</t>
  </si>
  <si>
    <t>Rujuta Idate / Isha Sahasrabudhe</t>
  </si>
  <si>
    <t>Gokul Gopakumar / Prajeet Singh / Shubh Saxena</t>
  </si>
  <si>
    <t>Isabelle Jones / Delaney Smith / William Xu</t>
  </si>
  <si>
    <t>Courtney Manahan / Kat Marty</t>
  </si>
  <si>
    <t>Alyssa Bauer / Charity Ray</t>
  </si>
  <si>
    <t>Megan Heesemann / Laura Lenhart</t>
  </si>
  <si>
    <t>Kia Holton / Amy Liden</t>
  </si>
  <si>
    <t>Brooke George / Angelis Medina</t>
  </si>
  <si>
    <t>Entrepreneurship</t>
  </si>
  <si>
    <t>Liam Doctor / Colton Castro</t>
  </si>
  <si>
    <t>Camryn Hurley / Riley Hurley</t>
  </si>
  <si>
    <t>Elizabeth Jackman / Zoe Jeske</t>
  </si>
  <si>
    <t>Carina D'Angelo / Jadyn Klein / Rhea Varkhedi</t>
  </si>
  <si>
    <t>Andrew Matthias</t>
  </si>
  <si>
    <t>Kevin Bednar / Frank Burnham</t>
  </si>
  <si>
    <t>Adit Desai / Andrew Lapoint / Jerry Yu</t>
  </si>
  <si>
    <t>Legend High School</t>
  </si>
  <si>
    <t>Rithika Ginjupalli / Dana Karami / Jessica Perez</t>
  </si>
  <si>
    <t>Anjana Peddi</t>
  </si>
  <si>
    <t>Sathya Dugini / Sandesh Kulkarni</t>
  </si>
  <si>
    <t>Future Business Leader</t>
  </si>
  <si>
    <t>Blake Ramsey</t>
  </si>
  <si>
    <t>Luke Vanderschaaff</t>
  </si>
  <si>
    <t>Alanna Jackson</t>
  </si>
  <si>
    <t>Tyler Wylie</t>
  </si>
  <si>
    <t>Hannah Boyd</t>
  </si>
  <si>
    <t>Samuel Duran</t>
  </si>
  <si>
    <t>Isabel Ball</t>
  </si>
  <si>
    <t>Global Business</t>
  </si>
  <si>
    <t>Kirstin Herrmann / Maddie Herrmann</t>
  </si>
  <si>
    <t>Rachel DeHart / Nikki Grofcik / Catlin Quirk</t>
  </si>
  <si>
    <t>Serene Ong / Aubrey Schafer</t>
  </si>
  <si>
    <t>Camerone Piccone</t>
  </si>
  <si>
    <t>Alanah Gillison / Derrius Rahman / Nolan Wright</t>
  </si>
  <si>
    <t>Hannah Protsik / Megan Burchfield / Edward Cao</t>
  </si>
  <si>
    <t>Natalie Kinnear</t>
  </si>
  <si>
    <t>Grant Wade / Olivia Neece</t>
  </si>
  <si>
    <t>Ryan Chapman / Halle Jensen</t>
  </si>
  <si>
    <t>Kirby Berke / Davis Jones</t>
  </si>
  <si>
    <t>Graphic Design</t>
  </si>
  <si>
    <t>Isabella Macdonald</t>
  </si>
  <si>
    <t>Jocelyn Lerma / Isabel Belarde / Deja Marquez</t>
  </si>
  <si>
    <t>Sylvia Byun / Kat Chavez</t>
  </si>
  <si>
    <t>Austin Kimsey / Ainsley Koldyke / Maggie Zeh</t>
  </si>
  <si>
    <t>Alex Dominy / Sophie Davis / Mikayla Olave</t>
  </si>
  <si>
    <t>Ariel Caldon / Taylor Larsen / Harmony Peterson</t>
  </si>
  <si>
    <t>Izaiah Miller</t>
  </si>
  <si>
    <t>Rocky Mountain High School</t>
  </si>
  <si>
    <t>Tola Nemomsa</t>
  </si>
  <si>
    <t>Simon Schroeder / Chandler Tomaschow</t>
  </si>
  <si>
    <t>Lindsey Garchar / Kylee Montgomery / Paige Simonson</t>
  </si>
  <si>
    <t>Health Care Administration</t>
  </si>
  <si>
    <t>Jim Roedel</t>
  </si>
  <si>
    <t>Sharonya Battula</t>
  </si>
  <si>
    <t>James Zheng</t>
  </si>
  <si>
    <t>Natalie Liao</t>
  </si>
  <si>
    <t>Roshini Narayanan</t>
  </si>
  <si>
    <t>Alexia Thompson</t>
  </si>
  <si>
    <t>Diana Owen</t>
  </si>
  <si>
    <t>Yadira Venegas</t>
  </si>
  <si>
    <t>Bruce Randolph High School</t>
  </si>
  <si>
    <t>Northglenn High School</t>
  </si>
  <si>
    <t>STEM High School and Academy</t>
  </si>
  <si>
    <t>Kandace Damrow</t>
  </si>
  <si>
    <t>Revere High School</t>
  </si>
  <si>
    <t>Abigail Smith</t>
  </si>
  <si>
    <t>Longmont High School</t>
  </si>
  <si>
    <t>Help Desk</t>
  </si>
  <si>
    <t>Jesse Burns</t>
  </si>
  <si>
    <t>Dafney Lee-cano</t>
  </si>
  <si>
    <t>Joslyn Burnett</t>
  </si>
  <si>
    <t>Garrett Peterson</t>
  </si>
  <si>
    <t>Bailey Rausch</t>
  </si>
  <si>
    <t>Rebecca Rivas</t>
  </si>
  <si>
    <t>Zane Timko</t>
  </si>
  <si>
    <t>Josie Walter</t>
  </si>
  <si>
    <t>Demi Rose Noda</t>
  </si>
  <si>
    <t>Michael Han</t>
  </si>
  <si>
    <t>Hospitality Management</t>
  </si>
  <si>
    <t>Sanjana Dugini / Nitisha Gajavelli / Tanya Tyagi</t>
  </si>
  <si>
    <t>Jenna Silverman</t>
  </si>
  <si>
    <t>MaryRose Axtell / Kyla Ruwet</t>
  </si>
  <si>
    <t>Caroline Lindahl / Nicole Burmester</t>
  </si>
  <si>
    <t>Mattie Martin / Avery Tisdale</t>
  </si>
  <si>
    <t>Jamine Bannasch / Sarah Maher</t>
  </si>
  <si>
    <t>Ellicott High School</t>
  </si>
  <si>
    <t>Alyssa Aragon / Greer Mameda</t>
  </si>
  <si>
    <t>Lindsey Broske / Jenna Sandrovich</t>
  </si>
  <si>
    <t>Haylee Curry / Mimi Lousignont / Jenna Sutliff</t>
  </si>
  <si>
    <t>Eevee Murdock / Louis Jaeckle</t>
  </si>
  <si>
    <t>Impromptu Speaking</t>
  </si>
  <si>
    <t>Kuailani Yanish</t>
  </si>
  <si>
    <t>Coronado High School</t>
  </si>
  <si>
    <t>Garret Collins</t>
  </si>
  <si>
    <t>Rachel Desmond</t>
  </si>
  <si>
    <t>Sadie Brewer</t>
  </si>
  <si>
    <t>Riley Meisner</t>
  </si>
  <si>
    <t>Kirstyn Fritzler</t>
  </si>
  <si>
    <t>Hali Reyes</t>
  </si>
  <si>
    <t>Drew Coffin</t>
  </si>
  <si>
    <t>Kyle Lewis</t>
  </si>
  <si>
    <t>Trevor Dunfee</t>
  </si>
  <si>
    <t>Insurance &amp; Risk Management</t>
  </si>
  <si>
    <t>Kylie Howell</t>
  </si>
  <si>
    <t>Tullulah Hill</t>
  </si>
  <si>
    <t>Reece Wilson</t>
  </si>
  <si>
    <t>Kit Bellefeuille</t>
  </si>
  <si>
    <t>Kendra Smits</t>
  </si>
  <si>
    <t>Jack Hansen</t>
  </si>
  <si>
    <t>Becca Fisher</t>
  </si>
  <si>
    <t>Madeline Ford</t>
  </si>
  <si>
    <t>Dominick Naegele</t>
  </si>
  <si>
    <t>Maxine Li</t>
  </si>
  <si>
    <t>Intro Business Presentation</t>
  </si>
  <si>
    <t>Kaelee Bos / Neela Ropp / Justin Shure</t>
  </si>
  <si>
    <t>Lauren Reyes / Crystal Wahlen / Anahi Zamrano</t>
  </si>
  <si>
    <t>Aneesh Warrier / Gautam Nambiar</t>
  </si>
  <si>
    <t>Natalie Misleh / Mackenzie Sears</t>
  </si>
  <si>
    <t>Jack Barton / Nihaar Gupta / Aditya Vepa</t>
  </si>
  <si>
    <t>Ornella Musinguzi</t>
  </si>
  <si>
    <t>Jayden Osborne / Kaley Pieper / Gabriel Proctor</t>
  </si>
  <si>
    <t>Micaela Heger</t>
  </si>
  <si>
    <t>John Altenhofen / Grant Webster</t>
  </si>
  <si>
    <t>Arya Choudary / Trisha Tyagi</t>
  </si>
  <si>
    <t>Intro to Business Procedures</t>
  </si>
  <si>
    <t>Prakhya Konakanchi</t>
  </si>
  <si>
    <t>Mitali Desai</t>
  </si>
  <si>
    <t>GRAYSON PACHNER</t>
  </si>
  <si>
    <t>Gabrielle Liles</t>
  </si>
  <si>
    <t>Alexandra Pollard</t>
  </si>
  <si>
    <t>Emma Duvall</t>
  </si>
  <si>
    <t>Joy Ma</t>
  </si>
  <si>
    <t>Sarayu Gangavelli</t>
  </si>
  <si>
    <t>Gavin Lindsey</t>
  </si>
  <si>
    <t>Julia Bankes</t>
  </si>
  <si>
    <t>Intro to Financial Math</t>
  </si>
  <si>
    <t>Jayendra Chauhan</t>
  </si>
  <si>
    <t>Andrew Li</t>
  </si>
  <si>
    <t>Derek Li</t>
  </si>
  <si>
    <t>Kevin Yang</t>
  </si>
  <si>
    <t>Brett Reamon</t>
  </si>
  <si>
    <t>Val Leone</t>
  </si>
  <si>
    <t>Ava Trahan</t>
  </si>
  <si>
    <t>Anudeep Golla</t>
  </si>
  <si>
    <t>Justin Sheu</t>
  </si>
  <si>
    <t>Lauren Shrack</t>
  </si>
  <si>
    <t>Introduction to Business</t>
  </si>
  <si>
    <t>Santiago Velasco</t>
  </si>
  <si>
    <t>Zachary Wang</t>
  </si>
  <si>
    <t>Dane Harnisch</t>
  </si>
  <si>
    <t>Cyrus Lecciso</t>
  </si>
  <si>
    <t>Ryan Zhang</t>
  </si>
  <si>
    <t>Nikhitha Garaga</t>
  </si>
  <si>
    <t>Jason Hernandez</t>
  </si>
  <si>
    <t>Haley Ficker</t>
  </si>
  <si>
    <t>Josh Roy</t>
  </si>
  <si>
    <t>Benisa Ellis</t>
  </si>
  <si>
    <t>Springfield High School</t>
  </si>
  <si>
    <t>Introduction to Business Communication</t>
  </si>
  <si>
    <t>Owen Kurz</t>
  </si>
  <si>
    <t>Kiaora Fernelius</t>
  </si>
  <si>
    <t>Shane Arwood</t>
  </si>
  <si>
    <t>Kiara Lingenfelter</t>
  </si>
  <si>
    <t>Varunavi Battula</t>
  </si>
  <si>
    <t>Highland High School</t>
  </si>
  <si>
    <t>Sanjana Vookanti</t>
  </si>
  <si>
    <t>Kendyl Saffer</t>
  </si>
  <si>
    <t>Brenna Gatton</t>
  </si>
  <si>
    <t>Sophia Collender</t>
  </si>
  <si>
    <t>Kayleigh Casados</t>
  </si>
  <si>
    <t>Introduction to FBLA</t>
  </si>
  <si>
    <t>Kaylin Heyne</t>
  </si>
  <si>
    <t>Alexis Mondragon</t>
  </si>
  <si>
    <t>Kellen McCoin</t>
  </si>
  <si>
    <t>Connor Hogan</t>
  </si>
  <si>
    <t>Jeacyndia Nienhuser</t>
  </si>
  <si>
    <t>Isabella Lambardia</t>
  </si>
  <si>
    <t>Rebecca Roark</t>
  </si>
  <si>
    <t>Mokshagna Gude</t>
  </si>
  <si>
    <t>University High School</t>
  </si>
  <si>
    <t>Sophie Russell</t>
  </si>
  <si>
    <t>Quinn Hughes</t>
  </si>
  <si>
    <t>Introduction to Information Technology</t>
  </si>
  <si>
    <t>Madison Calvert</t>
  </si>
  <si>
    <t>Susmitha Ponapalli</t>
  </si>
  <si>
    <t>Audric Wang</t>
  </si>
  <si>
    <t>Colby White</t>
  </si>
  <si>
    <t>Ethan McFarlin</t>
  </si>
  <si>
    <t>Braydon Wasson</t>
  </si>
  <si>
    <t>A. J. Jaramillo</t>
  </si>
  <si>
    <t>Charles Fehringer</t>
  </si>
  <si>
    <t>Rachel Appenzeller</t>
  </si>
  <si>
    <t>Ryan Boster</t>
  </si>
  <si>
    <t>Introduction to Parliamentary Procedure</t>
  </si>
  <si>
    <t>Lexi Walker</t>
  </si>
  <si>
    <t>Jonah Long</t>
  </si>
  <si>
    <t>Kassandra Schoemaker</t>
  </si>
  <si>
    <t>Ella Heidman Pinker</t>
  </si>
  <si>
    <t>Talara Nittler</t>
  </si>
  <si>
    <t>Kassidi Thompson</t>
  </si>
  <si>
    <t>Shelby Bland</t>
  </si>
  <si>
    <t>Lily Lengrich</t>
  </si>
  <si>
    <t>Marieana Casas</t>
  </si>
  <si>
    <t>Hunter Ivy</t>
  </si>
  <si>
    <t>Introduction to Public Speaking</t>
  </si>
  <si>
    <t>Isabella Garcia</t>
  </si>
  <si>
    <t>Andrew Littlefield</t>
  </si>
  <si>
    <t>Nicole Hankovszky</t>
  </si>
  <si>
    <t>Atharva Vispute</t>
  </si>
  <si>
    <t>Davis Truong</t>
  </si>
  <si>
    <t>Naarai Navarro</t>
  </si>
  <si>
    <t>Evelyn Bodoni</t>
  </si>
  <si>
    <t>Savannah Phillips</t>
  </si>
  <si>
    <t>Maya Miserlian</t>
  </si>
  <si>
    <t>Job Interview</t>
  </si>
  <si>
    <t>Isabelle Cunis</t>
  </si>
  <si>
    <t>Reilly Blakeslee</t>
  </si>
  <si>
    <t>P. Jackson Ladd</t>
  </si>
  <si>
    <t>Lori Winter</t>
  </si>
  <si>
    <t>Cassidy Crawford</t>
  </si>
  <si>
    <t>Jaren Albrighton</t>
  </si>
  <si>
    <t>Anna Marczin</t>
  </si>
  <si>
    <t>Mikaela Taylor</t>
  </si>
  <si>
    <t>Bo Blochowitz</t>
  </si>
  <si>
    <t>Jorge Cruz</t>
  </si>
  <si>
    <t>Battle Mountain High School</t>
  </si>
  <si>
    <t>Journalism</t>
  </si>
  <si>
    <t>Brynn Abernathy</t>
  </si>
  <si>
    <t>Lexi Eid</t>
  </si>
  <si>
    <t>Sebastian Benavidez</t>
  </si>
  <si>
    <t>Gabriella Tuell</t>
  </si>
  <si>
    <t>Conor McDaniel</t>
  </si>
  <si>
    <t>Makenzie McKenna</t>
  </si>
  <si>
    <t>Julianna O'Clair</t>
  </si>
  <si>
    <t>Julia Becker</t>
  </si>
  <si>
    <t>Sarah Davis</t>
  </si>
  <si>
    <t>Local Chapter Annual Business Report</t>
  </si>
  <si>
    <t>Bailee Phillips / Maelah Robinson-Castillo / Isabelle Johnson</t>
  </si>
  <si>
    <t>Edwin Bodoni / Evelyn Bodoni</t>
  </si>
  <si>
    <t>Joelle Pringle</t>
  </si>
  <si>
    <t>Parker Lane</t>
  </si>
  <si>
    <t>Bailey Brubacher / Joel Enciso</t>
  </si>
  <si>
    <t>Brigham Schultz</t>
  </si>
  <si>
    <t>Arianna Carrieri</t>
  </si>
  <si>
    <t>Kathleen Pachner</t>
  </si>
  <si>
    <t>Jarrett Woodhead / Bailey Hamaker / Kylie Purkeypile</t>
  </si>
  <si>
    <t>Management Decision Making</t>
  </si>
  <si>
    <t>Peyton Eitemiller / Daphne Halverson / Justyn Knapp</t>
  </si>
  <si>
    <t>George Fang / Felix Yu</t>
  </si>
  <si>
    <t>Jeremy(Bryce) Coleman / Matt Popish</t>
  </si>
  <si>
    <t>David Gage / Jakob Juul / Gabriella Leone</t>
  </si>
  <si>
    <t>Markus Manly / Connor Thomson</t>
  </si>
  <si>
    <t>Cole Sites / Griffin Ferguson</t>
  </si>
  <si>
    <t>Cody Hyman</t>
  </si>
  <si>
    <t>Jacqueline Cao / Amarah Duran-Pinedo</t>
  </si>
  <si>
    <t>Parker McNitt / Donovan Brook</t>
  </si>
  <si>
    <t>Savannah Abram / Kayla Olness</t>
  </si>
  <si>
    <t>Management Information Systems</t>
  </si>
  <si>
    <t>Eliseo DominguezMier / Adrian Sanchez</t>
  </si>
  <si>
    <t>Sam Einspahr / Alexander Sasse</t>
  </si>
  <si>
    <t>Naomi Richardson / Madelyn Townsend</t>
  </si>
  <si>
    <t>Abby Awad / Chandler Hoel / Kenna Tarnowski</t>
  </si>
  <si>
    <t>Owen Vandersmith / Zander Robinett</t>
  </si>
  <si>
    <t>Jack Marshall / Amalia McClurkin</t>
  </si>
  <si>
    <t>Taylor Spangle / Madison Weed</t>
  </si>
  <si>
    <t>Sujan Dahal / Abhinav Kakumanu</t>
  </si>
  <si>
    <t>Marketing</t>
  </si>
  <si>
    <t>Dominique Yushkevich / Sarah Zeray</t>
  </si>
  <si>
    <t>Andrew Wood / Ryan Wood</t>
  </si>
  <si>
    <t>Sydney Stegeman</t>
  </si>
  <si>
    <t>Jacob Gallegos / Lucas Hein / Andrew Kalthoff</t>
  </si>
  <si>
    <t>Ryan Saldanha</t>
  </si>
  <si>
    <t>Wyatt Shomion / Kathryn Edgington</t>
  </si>
  <si>
    <t>Ava Bertrand / Julia Garcia / Courtney Thompson</t>
  </si>
  <si>
    <t>Brendan Bunting / Emalee Roth / Claire Smith</t>
  </si>
  <si>
    <t>Daniel Gano / Aditya Sinha</t>
  </si>
  <si>
    <t>Bliss Pekkala / MaryTaruer Reic</t>
  </si>
  <si>
    <t>Mobile Application Development</t>
  </si>
  <si>
    <t>Andrew Carpender</t>
  </si>
  <si>
    <t>Kylie Dietz</t>
  </si>
  <si>
    <t>Grant Falkner / Neel Karsanbhai</t>
  </si>
  <si>
    <t>Michaela Scheinin / Sreekar Tiruchunapally</t>
  </si>
  <si>
    <t>Elia Gorokhovsky / Shiqi Sheng / Saurabh Totey</t>
  </si>
  <si>
    <t>Kim Guerrero / Gissel Gutierrez / Miri Kim</t>
  </si>
  <si>
    <t>Jessica DeLeon</t>
  </si>
  <si>
    <t>Cullen Glosson / Bryce Miracle / Isaac Wells</t>
  </si>
  <si>
    <t>Natalie Schoenhals / Lindsey Vandenberg</t>
  </si>
  <si>
    <t>Dylan Bott / Colton Braccia / Thomas Braccia</t>
  </si>
  <si>
    <t>Network Design</t>
  </si>
  <si>
    <t>Aleesia Smith / Keaton Heyneman / Joshua Maldonado</t>
  </si>
  <si>
    <t>Stolle Hall / Owen Scott / Connor Watt</t>
  </si>
  <si>
    <t>Michael delaPena</t>
  </si>
  <si>
    <t>Aditya Kelshiker / Varad Vaidya</t>
  </si>
  <si>
    <t>Josh Willis</t>
  </si>
  <si>
    <t>Jonathan Majszak / Kevin Sanchez-Mendez</t>
  </si>
  <si>
    <t>Carson Laverty / Ian Reinhardt / Connor Aragon</t>
  </si>
  <si>
    <t>John Alvarez / Kade Comstock / Matthew Tanner</t>
  </si>
  <si>
    <t>Clayton Funkhouser / Josh Kokes</t>
  </si>
  <si>
    <t>Networking Concepts</t>
  </si>
  <si>
    <t>Jessie Crowe</t>
  </si>
  <si>
    <t>Fletcher Collins</t>
  </si>
  <si>
    <t>Andrew Herby</t>
  </si>
  <si>
    <t>Ivan Rodriguez</t>
  </si>
  <si>
    <t>Ross Skeels</t>
  </si>
  <si>
    <t>Hoyoung Ahn</t>
  </si>
  <si>
    <t>Cherokee BenJamin</t>
  </si>
  <si>
    <t>Matthew Lofdahl</t>
  </si>
  <si>
    <t>Sang Shim</t>
  </si>
  <si>
    <t>Alex Camacho</t>
  </si>
  <si>
    <t>Organizational Leadership</t>
  </si>
  <si>
    <t>Hailee Hurtado</t>
  </si>
  <si>
    <t>Maddie Soehner</t>
  </si>
  <si>
    <t>Joshua Thornton</t>
  </si>
  <si>
    <t>Taylor Rowland</t>
  </si>
  <si>
    <t>Eunice Chen</t>
  </si>
  <si>
    <t>Sofia Fiocchi</t>
  </si>
  <si>
    <t>Aidan Price</t>
  </si>
  <si>
    <t>Everett Renberg</t>
  </si>
  <si>
    <t>Erast Davidjuk</t>
  </si>
  <si>
    <t>Gautham Krishnan</t>
  </si>
  <si>
    <t>Parliamentary Procedure</t>
  </si>
  <si>
    <t>Iza Kudasik / Claire Shephard / Susan Wadsworth / Brooke Beasley / Ruby Brown</t>
  </si>
  <si>
    <t>Kelton Davis / Victoria Goode / Zion Mason / Ashley Yergert</t>
  </si>
  <si>
    <t>Jordan Appel / Thomas Reardon / David Saeb / Mia Zender / Sydney Kaufman</t>
  </si>
  <si>
    <t>Brooke Bronniman / Katie Bronniman / Dawson Roesch / Kaitlyn Roesch / Rebecca Steerman</t>
  </si>
  <si>
    <t>Ramshankar Balasybramaniyan / Julian Dawkins / Matt Fox / Chase Gordanier / Daniel Rivkin</t>
  </si>
  <si>
    <t>Jolene King / Brandy Ontiveros / Lauren Tagtmeyer / Courtney Thompson</t>
  </si>
  <si>
    <t>Cadynce Campbell / Courtney Carr / Makaela Kuhlman / Lexi Rigg / Kelsey Truax</t>
  </si>
  <si>
    <t>David Chong / Alyssa Kong / Emma McCartney / Bailey Pradhan / Aly Ranucci</t>
  </si>
  <si>
    <t>Tessa Carlton / Lexus Decker / Nicole Lacey / Katelynn Peterson / Emily Tetrault</t>
  </si>
  <si>
    <t>Sharon Drummond / Elizabeth Essek / Elam Laing / Heather Levy</t>
  </si>
  <si>
    <t>Partnership with Business</t>
  </si>
  <si>
    <t>Braden Anderson / Joey Gerk / Elijah Meakins</t>
  </si>
  <si>
    <t>Jenni Carrillo / Caleigh Daugherty / Emma Walter</t>
  </si>
  <si>
    <t>Lauren Gerken / Carson Sherwood</t>
  </si>
  <si>
    <t>Brian Jimenez / Breann Shaffer</t>
  </si>
  <si>
    <t>Shianne Willmon / Josie Herman / Emily Jelden</t>
  </si>
  <si>
    <t>Colten Woodhams / Chandon Dunker / Cade McKinley</t>
  </si>
  <si>
    <t>Emily Nguyen / Brianna Petersen / Erica CarlosPerez</t>
  </si>
  <si>
    <t>Grace Chow / Emily Howenstein / Rose Kipfer</t>
  </si>
  <si>
    <t>Grace Ferguson / Ricky Wojcik</t>
  </si>
  <si>
    <t>Abby Scholes / Katie Arnold / Crystann Brown</t>
  </si>
  <si>
    <t>Personal Finance</t>
  </si>
  <si>
    <t>Lindsey MacLean</t>
  </si>
  <si>
    <t>Brayden Nichols</t>
  </si>
  <si>
    <t>Allison Drummond</t>
  </si>
  <si>
    <t>Alec Eyl</t>
  </si>
  <si>
    <t>Hunter Miller</t>
  </si>
  <si>
    <t>Public Service Announcement</t>
  </si>
  <si>
    <t>Elaine Jackowski / Autumn Los</t>
  </si>
  <si>
    <t>Will Buffington / Elysa Veta</t>
  </si>
  <si>
    <t>Olivia Janicek / Lindsay Klaess / Kaitlynn Pfannschmidt</t>
  </si>
  <si>
    <t>Sarah Payson / Katie Trigg</t>
  </si>
  <si>
    <t>Amber Lauck / Rachel Crieghton</t>
  </si>
  <si>
    <t>Emma Happ / Alexandria Ashbaugh</t>
  </si>
  <si>
    <t>Amy Haining</t>
  </si>
  <si>
    <t>ShaeLoren Hall / Audrey Olson / Gillian Ridgley</t>
  </si>
  <si>
    <t>Jessica Harvey / Madison Ong</t>
  </si>
  <si>
    <t>Erica Dardanes / Arysa Flores</t>
  </si>
  <si>
    <t>Public Speaking</t>
  </si>
  <si>
    <t>Rachael Northup</t>
  </si>
  <si>
    <t>Edwin Bodoni</t>
  </si>
  <si>
    <t>Neha Kollikara</t>
  </si>
  <si>
    <t>Yalena Medina</t>
  </si>
  <si>
    <t>Alexandre Shappell</t>
  </si>
  <si>
    <t>Brooke Eckelkamp</t>
  </si>
  <si>
    <t>Dana Ngyuyen</t>
  </si>
  <si>
    <t>Kalen Muus</t>
  </si>
  <si>
    <t>Constantine Daniels</t>
  </si>
  <si>
    <t>Montana White</t>
  </si>
  <si>
    <t>Publication Design</t>
  </si>
  <si>
    <t>Audrey DeFries / Annie Holleman</t>
  </si>
  <si>
    <t>Rupa Duggirala / Sowmya Duggirala</t>
  </si>
  <si>
    <t>Madison King</t>
  </si>
  <si>
    <t>Turner Deshon / Anna Matl / Sandra Tobon</t>
  </si>
  <si>
    <t>Cassidy Paxton</t>
  </si>
  <si>
    <t>Jameson McEnany / Alyssa Peters</t>
  </si>
  <si>
    <t>Avnish Asthana / John Gebhardt / William Kong</t>
  </si>
  <si>
    <t>Trinity Schenck / Marlyn Arellano</t>
  </si>
  <si>
    <t>Alyssa Scaduto</t>
  </si>
  <si>
    <t>Anna Vasey</t>
  </si>
  <si>
    <t>Sales Presentation</t>
  </si>
  <si>
    <t>Tyler Gonzales</t>
  </si>
  <si>
    <t>Kevin Payan</t>
  </si>
  <si>
    <t>Kevin Hughes</t>
  </si>
  <si>
    <t>Walid Ferjani</t>
  </si>
  <si>
    <t>Briana Cahill</t>
  </si>
  <si>
    <t>Grace Roberts</t>
  </si>
  <si>
    <t>Niharika Kunapuli</t>
  </si>
  <si>
    <t>Sydney Arthur</t>
  </si>
  <si>
    <t>Tristan Niccoli</t>
  </si>
  <si>
    <t>Michael Chan</t>
  </si>
  <si>
    <t>Securities Investments</t>
  </si>
  <si>
    <t>James McDonald</t>
  </si>
  <si>
    <t>Ishika Patel</t>
  </si>
  <si>
    <t>Tejas Patil</t>
  </si>
  <si>
    <t>Cameron Eldridge</t>
  </si>
  <si>
    <t>Jose Zuniga Palacios</t>
  </si>
  <si>
    <t>Paul Penna</t>
  </si>
  <si>
    <t>Jeremy Cordova</t>
  </si>
  <si>
    <t>Chase Bauer</t>
  </si>
  <si>
    <t>Araceli Saenz Quiroz</t>
  </si>
  <si>
    <t>Matthew Bratrsovsky</t>
  </si>
  <si>
    <t>Social Media Campaign</t>
  </si>
  <si>
    <t>Sophia Steen</t>
  </si>
  <si>
    <t>Mallory Greven / Noah Sporrer</t>
  </si>
  <si>
    <t>Barclay Shove / Lukas Voemel / Jacy Werner</t>
  </si>
  <si>
    <t>Madison Barr / Emily Swiatek / Mayaka Short</t>
  </si>
  <si>
    <t>Annalea Zhao / Ashton Reneau</t>
  </si>
  <si>
    <t>Isabel Weiss / Delaney Yehle</t>
  </si>
  <si>
    <t>Molly Neton / Brianna Burkett</t>
  </si>
  <si>
    <t>Sidney Hines / Brooke Younger</t>
  </si>
  <si>
    <t>Tanley Andersen</t>
  </si>
  <si>
    <t>Esther Eikins / Kylee Ellinger / Neliya Nyirenda</t>
  </si>
  <si>
    <t>Sports &amp; Entertainment Management</t>
  </si>
  <si>
    <t>Ethan Walter / Tyce Marquez</t>
  </si>
  <si>
    <t>Sarah Gray / Ben Morris / Matthew Norwood</t>
  </si>
  <si>
    <t>Nolan Farrey / Jackson Holmbeck / McKenna Kiker</t>
  </si>
  <si>
    <t>Josh Etkin / Carter McAllister</t>
  </si>
  <si>
    <t>Hunter Thorn / Madelyn Uyemura / Trevon Wehrman</t>
  </si>
  <si>
    <t>Nicholas Quarles / Zach Wilson</t>
  </si>
  <si>
    <t>Tanner Wise / Nate Wood</t>
  </si>
  <si>
    <t>Sydney Day / Erika Debenham</t>
  </si>
  <si>
    <t>Palmer Ridge High School</t>
  </si>
  <si>
    <t>Luc Filion / Reese Kelly / Renee Schnettler</t>
  </si>
  <si>
    <t>Chandan Bukkapatnam / Evan Richardson</t>
  </si>
  <si>
    <t>Spreadsheet Applications</t>
  </si>
  <si>
    <t>Naomi Kiess</t>
  </si>
  <si>
    <t>Ember Canty</t>
  </si>
  <si>
    <t>Braxton Bates</t>
  </si>
  <si>
    <t>Ciara Huckaby</t>
  </si>
  <si>
    <t>Liam Griffy</t>
  </si>
  <si>
    <t>Jacob Sanchez</t>
  </si>
  <si>
    <t>Joshua Gumber</t>
  </si>
  <si>
    <t>Ibrahim Khan</t>
  </si>
  <si>
    <t>Lauren Canty</t>
  </si>
  <si>
    <t>Lorren Badker</t>
  </si>
  <si>
    <t>Web Site Design</t>
  </si>
  <si>
    <t>Viraj Mahajan / Ayurv Srivastava</t>
  </si>
  <si>
    <t>Emily Aspey / Mishika Walia</t>
  </si>
  <si>
    <t>Othnielle Aitchedji / Tiffany Le / Mariah Medina</t>
  </si>
  <si>
    <t>Christian Roch / Courtney Schumann</t>
  </si>
  <si>
    <t>Kristina Aguilar / Veronica Aguilar / Emma Hollenstine</t>
  </si>
  <si>
    <t>Carson Grose / Kelvin Su / David Weber</t>
  </si>
  <si>
    <t>Zach Brahn / RILEY MCNEILL</t>
  </si>
  <si>
    <t>Paul Asfeld / Eric Resendiz / Brooke Sigmon</t>
  </si>
  <si>
    <t>Danielle Veratudela / Gabrielle Veratudela</t>
  </si>
  <si>
    <t>Word Processing</t>
  </si>
  <si>
    <t>Mabel Guerra</t>
  </si>
  <si>
    <t>Tressa Reed</t>
  </si>
  <si>
    <t>Cassie Gatlin</t>
  </si>
  <si>
    <t>Joshua Thatcher</t>
  </si>
  <si>
    <t>Lindsey Brown</t>
  </si>
  <si>
    <t>Tinie Doan</t>
  </si>
  <si>
    <t>Nicole Minikus</t>
  </si>
  <si>
    <t>Sean DeHeart</t>
  </si>
  <si>
    <t>Linsley Morrill</t>
  </si>
  <si>
    <t>Rachel Kelley</t>
  </si>
  <si>
    <t>Jordan Howden</t>
  </si>
  <si>
    <t>Brand Sharp</t>
  </si>
  <si>
    <t>Nick Harrison</t>
  </si>
  <si>
    <t>Jordon Ermentraut</t>
  </si>
  <si>
    <t>Luca Capaldi</t>
  </si>
  <si>
    <t>Jesse Alardin River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4">
    <xf numFmtId="0" fontId="0" fillId="0" borderId="0" xfId="0"/>
    <xf numFmtId="0" fontId="16" fillId="0" borderId="0" xfId="0" applyFont="1"/>
    <xf numFmtId="0" fontId="16" fillId="0" borderId="0" xfId="0" applyFont="1" applyAlignment="1">
      <alignment horizontal="center"/>
    </xf>
    <xf numFmtId="0" fontId="0" fillId="0" borderId="0" xfId="0" applyAlignment="1">
      <alignment horizont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668"/>
  <sheetViews>
    <sheetView tabSelected="1" topLeftCell="A542" workbookViewId="0">
      <selection activeCell="B548" sqref="B548"/>
    </sheetView>
  </sheetViews>
  <sheetFormatPr defaultRowHeight="15" x14ac:dyDescent="0.25"/>
  <cols>
    <col min="1" max="1" width="37" bestFit="1" customWidth="1"/>
    <col min="2" max="2" width="77.85546875" bestFit="1" customWidth="1"/>
    <col min="3" max="3" width="28.28515625" bestFit="1" customWidth="1"/>
    <col min="4" max="4" width="8.85546875" style="3"/>
  </cols>
  <sheetData>
    <row r="1" spans="1:4" s="1" customFormat="1" x14ac:dyDescent="0.25">
      <c r="A1" s="1" t="s">
        <v>0</v>
      </c>
      <c r="B1" s="1" t="s">
        <v>1</v>
      </c>
      <c r="C1" s="1" t="s">
        <v>2</v>
      </c>
      <c r="D1" s="2" t="s">
        <v>3</v>
      </c>
    </row>
    <row r="2" spans="1:4" x14ac:dyDescent="0.25">
      <c r="A2" t="s">
        <v>4</v>
      </c>
      <c r="B2" t="s">
        <v>11</v>
      </c>
      <c r="C2" t="s">
        <v>12</v>
      </c>
      <c r="D2" s="3">
        <v>1</v>
      </c>
    </row>
    <row r="3" spans="1:4" x14ac:dyDescent="0.25">
      <c r="A3" t="s">
        <v>4</v>
      </c>
      <c r="B3" t="s">
        <v>9</v>
      </c>
      <c r="C3" t="s">
        <v>10</v>
      </c>
      <c r="D3" s="3">
        <v>2</v>
      </c>
    </row>
    <row r="4" spans="1:4" x14ac:dyDescent="0.25">
      <c r="A4" t="s">
        <v>4</v>
      </c>
      <c r="B4" t="s">
        <v>7</v>
      </c>
      <c r="C4" t="s">
        <v>8</v>
      </c>
      <c r="D4" s="3">
        <v>3</v>
      </c>
    </row>
    <row r="5" spans="1:4" x14ac:dyDescent="0.25">
      <c r="A5" t="s">
        <v>4</v>
      </c>
      <c r="B5" t="s">
        <v>5</v>
      </c>
      <c r="C5" t="s">
        <v>6</v>
      </c>
      <c r="D5" s="3">
        <v>4</v>
      </c>
    </row>
    <row r="6" spans="1:4" x14ac:dyDescent="0.25">
      <c r="A6" t="s">
        <v>13</v>
      </c>
      <c r="B6" t="s">
        <v>22</v>
      </c>
      <c r="C6" t="s">
        <v>23</v>
      </c>
      <c r="D6" s="3">
        <v>1</v>
      </c>
    </row>
    <row r="7" spans="1:4" x14ac:dyDescent="0.25">
      <c r="A7" t="s">
        <v>13</v>
      </c>
      <c r="B7" t="s">
        <v>20</v>
      </c>
      <c r="C7" t="s">
        <v>21</v>
      </c>
      <c r="D7" s="3">
        <v>2</v>
      </c>
    </row>
    <row r="8" spans="1:4" x14ac:dyDescent="0.25">
      <c r="A8" t="s">
        <v>13</v>
      </c>
      <c r="B8" t="s">
        <v>18</v>
      </c>
      <c r="C8" t="s">
        <v>19</v>
      </c>
      <c r="D8" s="3">
        <v>3</v>
      </c>
    </row>
    <row r="9" spans="1:4" x14ac:dyDescent="0.25">
      <c r="A9" t="s">
        <v>13</v>
      </c>
      <c r="B9" t="s">
        <v>16</v>
      </c>
      <c r="C9" t="s">
        <v>17</v>
      </c>
      <c r="D9" s="3">
        <v>4</v>
      </c>
    </row>
    <row r="10" spans="1:4" x14ac:dyDescent="0.25">
      <c r="A10" t="s">
        <v>13</v>
      </c>
      <c r="B10" t="s">
        <v>14</v>
      </c>
      <c r="C10" t="s">
        <v>15</v>
      </c>
      <c r="D10" s="3">
        <v>5</v>
      </c>
    </row>
    <row r="11" spans="1:4" x14ac:dyDescent="0.25">
      <c r="A11" t="s">
        <v>13</v>
      </c>
      <c r="B11" t="s">
        <v>27</v>
      </c>
      <c r="C11" t="s">
        <v>28</v>
      </c>
      <c r="D11" s="3">
        <v>6</v>
      </c>
    </row>
    <row r="12" spans="1:4" x14ac:dyDescent="0.25">
      <c r="A12" t="s">
        <v>13</v>
      </c>
      <c r="B12" t="s">
        <v>31</v>
      </c>
      <c r="C12" t="s">
        <v>32</v>
      </c>
      <c r="D12" s="3">
        <v>7</v>
      </c>
    </row>
    <row r="13" spans="1:4" x14ac:dyDescent="0.25">
      <c r="A13" t="s">
        <v>13</v>
      </c>
      <c r="B13" t="s">
        <v>40</v>
      </c>
      <c r="C13" t="s">
        <v>41</v>
      </c>
      <c r="D13" s="3">
        <v>8</v>
      </c>
    </row>
    <row r="14" spans="1:4" x14ac:dyDescent="0.25">
      <c r="A14" t="s">
        <v>13</v>
      </c>
      <c r="B14" t="s">
        <v>37</v>
      </c>
      <c r="C14" t="s">
        <v>38</v>
      </c>
      <c r="D14" s="3">
        <v>9</v>
      </c>
    </row>
    <row r="15" spans="1:4" x14ac:dyDescent="0.25">
      <c r="A15" t="s">
        <v>13</v>
      </c>
      <c r="B15" t="s">
        <v>45</v>
      </c>
      <c r="C15" t="s">
        <v>46</v>
      </c>
      <c r="D15" s="3">
        <v>10</v>
      </c>
    </row>
    <row r="16" spans="1:4" x14ac:dyDescent="0.25">
      <c r="A16" t="s">
        <v>48</v>
      </c>
      <c r="B16" t="s">
        <v>55</v>
      </c>
      <c r="C16" t="s">
        <v>53</v>
      </c>
      <c r="D16" s="3">
        <v>1</v>
      </c>
    </row>
    <row r="17" spans="1:4" x14ac:dyDescent="0.25">
      <c r="A17" t="s">
        <v>48</v>
      </c>
      <c r="B17" t="s">
        <v>54</v>
      </c>
      <c r="C17" t="s">
        <v>53</v>
      </c>
      <c r="D17" s="3">
        <v>2</v>
      </c>
    </row>
    <row r="18" spans="1:4" x14ac:dyDescent="0.25">
      <c r="A18" t="s">
        <v>48</v>
      </c>
      <c r="B18" t="s">
        <v>52</v>
      </c>
      <c r="C18" t="s">
        <v>53</v>
      </c>
      <c r="D18" s="3">
        <v>3</v>
      </c>
    </row>
    <row r="19" spans="1:4" x14ac:dyDescent="0.25">
      <c r="A19" t="s">
        <v>48</v>
      </c>
      <c r="B19" t="s">
        <v>50</v>
      </c>
      <c r="C19" t="s">
        <v>51</v>
      </c>
      <c r="D19" s="3">
        <v>4</v>
      </c>
    </row>
    <row r="20" spans="1:4" x14ac:dyDescent="0.25">
      <c r="A20" t="s">
        <v>48</v>
      </c>
      <c r="B20" t="s">
        <v>49</v>
      </c>
      <c r="C20" t="s">
        <v>25</v>
      </c>
      <c r="D20" s="3">
        <v>5</v>
      </c>
    </row>
    <row r="21" spans="1:4" x14ac:dyDescent="0.25">
      <c r="A21" t="s">
        <v>48</v>
      </c>
      <c r="B21" t="s">
        <v>63</v>
      </c>
      <c r="C21" t="s">
        <v>17</v>
      </c>
      <c r="D21" s="3">
        <v>6</v>
      </c>
    </row>
    <row r="22" spans="1:4" x14ac:dyDescent="0.25">
      <c r="A22" t="s">
        <v>48</v>
      </c>
      <c r="B22" t="s">
        <v>57</v>
      </c>
      <c r="C22" t="s">
        <v>58</v>
      </c>
      <c r="D22" s="3">
        <v>7</v>
      </c>
    </row>
    <row r="23" spans="1:4" x14ac:dyDescent="0.25">
      <c r="A23" t="s">
        <v>48</v>
      </c>
      <c r="B23" t="s">
        <v>59</v>
      </c>
      <c r="C23" t="s">
        <v>60</v>
      </c>
      <c r="D23" s="3">
        <v>8</v>
      </c>
    </row>
    <row r="24" spans="1:4" x14ac:dyDescent="0.25">
      <c r="A24" t="s">
        <v>48</v>
      </c>
      <c r="B24" t="s">
        <v>64</v>
      </c>
      <c r="C24" t="s">
        <v>17</v>
      </c>
      <c r="D24" s="3">
        <v>9</v>
      </c>
    </row>
    <row r="25" spans="1:4" x14ac:dyDescent="0.25">
      <c r="A25" t="s">
        <v>48</v>
      </c>
      <c r="B25" t="s">
        <v>62</v>
      </c>
      <c r="C25" t="s">
        <v>42</v>
      </c>
      <c r="D25" s="3">
        <v>10</v>
      </c>
    </row>
    <row r="26" spans="1:4" x14ac:dyDescent="0.25">
      <c r="A26" t="s">
        <v>65</v>
      </c>
      <c r="B26" t="s">
        <v>73</v>
      </c>
      <c r="C26" t="s">
        <v>74</v>
      </c>
      <c r="D26" s="3">
        <v>1</v>
      </c>
    </row>
    <row r="27" spans="1:4" x14ac:dyDescent="0.25">
      <c r="A27" t="s">
        <v>65</v>
      </c>
      <c r="B27" t="s">
        <v>71</v>
      </c>
      <c r="C27" t="s">
        <v>72</v>
      </c>
      <c r="D27" s="3">
        <v>2</v>
      </c>
    </row>
    <row r="28" spans="1:4" x14ac:dyDescent="0.25">
      <c r="A28" t="s">
        <v>65</v>
      </c>
      <c r="B28" t="s">
        <v>69</v>
      </c>
      <c r="C28" t="s">
        <v>70</v>
      </c>
      <c r="D28" s="3">
        <v>3</v>
      </c>
    </row>
    <row r="29" spans="1:4" x14ac:dyDescent="0.25">
      <c r="A29" t="s">
        <v>65</v>
      </c>
      <c r="B29" t="s">
        <v>67</v>
      </c>
      <c r="C29" t="s">
        <v>68</v>
      </c>
      <c r="D29" s="3">
        <v>4</v>
      </c>
    </row>
    <row r="30" spans="1:4" x14ac:dyDescent="0.25">
      <c r="A30" t="s">
        <v>65</v>
      </c>
      <c r="B30" t="s">
        <v>66</v>
      </c>
      <c r="C30" t="s">
        <v>17</v>
      </c>
      <c r="D30" s="3">
        <v>5</v>
      </c>
    </row>
    <row r="31" spans="1:4" x14ac:dyDescent="0.25">
      <c r="A31" t="s">
        <v>65</v>
      </c>
      <c r="B31" t="s">
        <v>91</v>
      </c>
      <c r="C31" t="s">
        <v>92</v>
      </c>
      <c r="D31" s="3">
        <v>6</v>
      </c>
    </row>
    <row r="32" spans="1:4" x14ac:dyDescent="0.25">
      <c r="A32" t="s">
        <v>65</v>
      </c>
      <c r="B32" t="s">
        <v>87</v>
      </c>
      <c r="C32" t="s">
        <v>88</v>
      </c>
      <c r="D32" s="3">
        <v>7</v>
      </c>
    </row>
    <row r="33" spans="1:4" x14ac:dyDescent="0.25">
      <c r="A33" t="s">
        <v>65</v>
      </c>
      <c r="B33" t="s">
        <v>82</v>
      </c>
      <c r="C33" t="s">
        <v>17</v>
      </c>
      <c r="D33" s="3">
        <v>8</v>
      </c>
    </row>
    <row r="34" spans="1:4" x14ac:dyDescent="0.25">
      <c r="A34" t="s">
        <v>65</v>
      </c>
      <c r="B34" t="s">
        <v>83</v>
      </c>
      <c r="C34" t="s">
        <v>84</v>
      </c>
      <c r="D34" s="3">
        <v>9</v>
      </c>
    </row>
    <row r="35" spans="1:4" x14ac:dyDescent="0.25">
      <c r="A35" t="s">
        <v>65</v>
      </c>
      <c r="B35" t="s">
        <v>78</v>
      </c>
      <c r="C35" t="s">
        <v>79</v>
      </c>
      <c r="D35" s="3">
        <v>10</v>
      </c>
    </row>
    <row r="36" spans="1:4" x14ac:dyDescent="0.25">
      <c r="A36" t="s">
        <v>95</v>
      </c>
      <c r="B36" t="s">
        <v>102</v>
      </c>
      <c r="C36" t="s">
        <v>21</v>
      </c>
      <c r="D36" s="3">
        <v>1</v>
      </c>
    </row>
    <row r="37" spans="1:4" x14ac:dyDescent="0.25">
      <c r="A37" t="s">
        <v>95</v>
      </c>
      <c r="B37" t="s">
        <v>100</v>
      </c>
      <c r="C37" t="s">
        <v>101</v>
      </c>
      <c r="D37" s="3">
        <v>2</v>
      </c>
    </row>
    <row r="38" spans="1:4" x14ac:dyDescent="0.25">
      <c r="A38" t="s">
        <v>95</v>
      </c>
      <c r="B38" t="s">
        <v>98</v>
      </c>
      <c r="C38" t="s">
        <v>99</v>
      </c>
      <c r="D38" s="3">
        <v>3</v>
      </c>
    </row>
    <row r="39" spans="1:4" x14ac:dyDescent="0.25">
      <c r="A39" t="s">
        <v>95</v>
      </c>
      <c r="B39" t="s">
        <v>97</v>
      </c>
      <c r="C39" t="s">
        <v>81</v>
      </c>
      <c r="D39" s="3">
        <v>4</v>
      </c>
    </row>
    <row r="40" spans="1:4" x14ac:dyDescent="0.25">
      <c r="A40" t="s">
        <v>95</v>
      </c>
      <c r="B40" t="s">
        <v>96</v>
      </c>
      <c r="C40" t="s">
        <v>23</v>
      </c>
      <c r="D40" s="3">
        <v>5</v>
      </c>
    </row>
    <row r="41" spans="1:4" x14ac:dyDescent="0.25">
      <c r="A41" t="s">
        <v>95</v>
      </c>
      <c r="B41" t="s">
        <v>103</v>
      </c>
      <c r="C41" t="s">
        <v>104</v>
      </c>
      <c r="D41" s="3">
        <v>6</v>
      </c>
    </row>
    <row r="42" spans="1:4" x14ac:dyDescent="0.25">
      <c r="A42" t="s">
        <v>95</v>
      </c>
      <c r="B42" t="s">
        <v>109</v>
      </c>
      <c r="C42" t="s">
        <v>110</v>
      </c>
      <c r="D42" s="3">
        <v>7</v>
      </c>
    </row>
    <row r="43" spans="1:4" x14ac:dyDescent="0.25">
      <c r="A43" t="s">
        <v>95</v>
      </c>
      <c r="B43" t="s">
        <v>113</v>
      </c>
      <c r="C43" t="s">
        <v>90</v>
      </c>
      <c r="D43" s="3">
        <v>8</v>
      </c>
    </row>
    <row r="44" spans="1:4" x14ac:dyDescent="0.25">
      <c r="A44" t="s">
        <v>95</v>
      </c>
      <c r="B44" t="s">
        <v>114</v>
      </c>
      <c r="C44" t="s">
        <v>115</v>
      </c>
      <c r="D44" s="3">
        <v>9</v>
      </c>
    </row>
    <row r="45" spans="1:4" x14ac:dyDescent="0.25">
      <c r="A45" t="s">
        <v>95</v>
      </c>
      <c r="B45" t="s">
        <v>106</v>
      </c>
      <c r="C45" t="s">
        <v>39</v>
      </c>
      <c r="D45" s="3">
        <v>10</v>
      </c>
    </row>
    <row r="46" spans="1:4" x14ac:dyDescent="0.25">
      <c r="A46" t="s">
        <v>121</v>
      </c>
      <c r="B46" t="s">
        <v>128</v>
      </c>
      <c r="C46" t="s">
        <v>10</v>
      </c>
      <c r="D46" s="3">
        <v>1</v>
      </c>
    </row>
    <row r="47" spans="1:4" x14ac:dyDescent="0.25">
      <c r="A47" t="s">
        <v>121</v>
      </c>
      <c r="B47" t="s">
        <v>127</v>
      </c>
      <c r="C47" t="s">
        <v>99</v>
      </c>
      <c r="D47" s="3">
        <v>2</v>
      </c>
    </row>
    <row r="48" spans="1:4" x14ac:dyDescent="0.25">
      <c r="A48" t="s">
        <v>121</v>
      </c>
      <c r="B48" t="s">
        <v>125</v>
      </c>
      <c r="C48" t="s">
        <v>126</v>
      </c>
      <c r="D48" s="3">
        <v>3</v>
      </c>
    </row>
    <row r="49" spans="1:4" x14ac:dyDescent="0.25">
      <c r="A49" t="s">
        <v>121</v>
      </c>
      <c r="B49" t="s">
        <v>123</v>
      </c>
      <c r="C49" t="s">
        <v>124</v>
      </c>
      <c r="D49" s="3">
        <v>4</v>
      </c>
    </row>
    <row r="50" spans="1:4" x14ac:dyDescent="0.25">
      <c r="A50" t="s">
        <v>121</v>
      </c>
      <c r="B50" t="s">
        <v>122</v>
      </c>
      <c r="C50" t="s">
        <v>53</v>
      </c>
      <c r="D50" s="3">
        <v>5</v>
      </c>
    </row>
    <row r="51" spans="1:4" x14ac:dyDescent="0.25">
      <c r="A51" t="s">
        <v>121</v>
      </c>
      <c r="B51" t="s">
        <v>133</v>
      </c>
      <c r="C51" t="s">
        <v>72</v>
      </c>
      <c r="D51" s="3">
        <v>6</v>
      </c>
    </row>
    <row r="52" spans="1:4" x14ac:dyDescent="0.25">
      <c r="A52" t="s">
        <v>121</v>
      </c>
      <c r="B52" t="s">
        <v>134</v>
      </c>
      <c r="C52" t="s">
        <v>76</v>
      </c>
      <c r="D52" s="3">
        <v>7</v>
      </c>
    </row>
    <row r="53" spans="1:4" x14ac:dyDescent="0.25">
      <c r="A53" t="s">
        <v>121</v>
      </c>
      <c r="B53" t="s">
        <v>129</v>
      </c>
      <c r="C53" t="s">
        <v>130</v>
      </c>
      <c r="D53" s="3">
        <v>8</v>
      </c>
    </row>
    <row r="54" spans="1:4" x14ac:dyDescent="0.25">
      <c r="A54" t="s">
        <v>121</v>
      </c>
      <c r="B54" t="s">
        <v>132</v>
      </c>
      <c r="C54" t="s">
        <v>51</v>
      </c>
      <c r="D54" s="3">
        <v>9</v>
      </c>
    </row>
    <row r="55" spans="1:4" x14ac:dyDescent="0.25">
      <c r="A55" t="s">
        <v>121</v>
      </c>
      <c r="B55" t="s">
        <v>131</v>
      </c>
      <c r="C55" t="s">
        <v>90</v>
      </c>
      <c r="D55" s="3">
        <v>10</v>
      </c>
    </row>
    <row r="56" spans="1:4" x14ac:dyDescent="0.25">
      <c r="A56" t="s">
        <v>149</v>
      </c>
      <c r="B56" t="s">
        <v>155</v>
      </c>
      <c r="C56" t="s">
        <v>72</v>
      </c>
      <c r="D56" s="3">
        <v>1</v>
      </c>
    </row>
    <row r="57" spans="1:4" x14ac:dyDescent="0.25">
      <c r="A57" t="s">
        <v>149</v>
      </c>
      <c r="B57" t="s">
        <v>153</v>
      </c>
      <c r="C57" t="s">
        <v>154</v>
      </c>
      <c r="D57" s="3">
        <v>2</v>
      </c>
    </row>
    <row r="58" spans="1:4" x14ac:dyDescent="0.25">
      <c r="A58" t="s">
        <v>149</v>
      </c>
      <c r="B58" t="s">
        <v>152</v>
      </c>
      <c r="C58" t="s">
        <v>17</v>
      </c>
      <c r="D58" s="3">
        <v>3</v>
      </c>
    </row>
    <row r="59" spans="1:4" x14ac:dyDescent="0.25">
      <c r="A59" t="s">
        <v>149</v>
      </c>
      <c r="B59" t="s">
        <v>151</v>
      </c>
      <c r="C59" t="s">
        <v>30</v>
      </c>
      <c r="D59" s="3">
        <v>4</v>
      </c>
    </row>
    <row r="60" spans="1:4" x14ac:dyDescent="0.25">
      <c r="A60" t="s">
        <v>149</v>
      </c>
      <c r="B60" t="s">
        <v>150</v>
      </c>
      <c r="C60" t="s">
        <v>104</v>
      </c>
      <c r="D60" s="3">
        <v>5</v>
      </c>
    </row>
    <row r="61" spans="1:4" x14ac:dyDescent="0.25">
      <c r="A61" t="s">
        <v>149</v>
      </c>
      <c r="B61" t="s">
        <v>157</v>
      </c>
      <c r="C61" t="s">
        <v>75</v>
      </c>
      <c r="D61" s="3">
        <v>6</v>
      </c>
    </row>
    <row r="62" spans="1:4" x14ac:dyDescent="0.25">
      <c r="A62" t="s">
        <v>149</v>
      </c>
      <c r="B62" t="s">
        <v>160</v>
      </c>
      <c r="C62" t="s">
        <v>110</v>
      </c>
      <c r="D62" s="3">
        <v>7</v>
      </c>
    </row>
    <row r="63" spans="1:4" x14ac:dyDescent="0.25">
      <c r="A63" t="s">
        <v>149</v>
      </c>
      <c r="B63" t="s">
        <v>161</v>
      </c>
      <c r="C63" t="s">
        <v>80</v>
      </c>
      <c r="D63" s="3">
        <v>8</v>
      </c>
    </row>
    <row r="64" spans="1:4" x14ac:dyDescent="0.25">
      <c r="A64" t="s">
        <v>149</v>
      </c>
      <c r="B64" t="s">
        <v>156</v>
      </c>
      <c r="C64" t="s">
        <v>94</v>
      </c>
      <c r="D64" s="3">
        <v>9</v>
      </c>
    </row>
    <row r="65" spans="1:4" x14ac:dyDescent="0.25">
      <c r="A65" t="s">
        <v>149</v>
      </c>
      <c r="B65" t="s">
        <v>158</v>
      </c>
      <c r="C65" t="s">
        <v>159</v>
      </c>
      <c r="D65" s="3">
        <v>10</v>
      </c>
    </row>
    <row r="66" spans="1:4" x14ac:dyDescent="0.25">
      <c r="A66" t="s">
        <v>162</v>
      </c>
      <c r="B66" t="s">
        <v>168</v>
      </c>
      <c r="C66" t="s">
        <v>77</v>
      </c>
      <c r="D66" s="3">
        <v>1</v>
      </c>
    </row>
    <row r="67" spans="1:4" x14ac:dyDescent="0.25">
      <c r="A67" t="s">
        <v>162</v>
      </c>
      <c r="B67" t="s">
        <v>166</v>
      </c>
      <c r="C67" t="s">
        <v>167</v>
      </c>
      <c r="D67" s="3">
        <v>2</v>
      </c>
    </row>
    <row r="68" spans="1:4" x14ac:dyDescent="0.25">
      <c r="A68" t="s">
        <v>162</v>
      </c>
      <c r="B68" t="s">
        <v>165</v>
      </c>
      <c r="C68" t="s">
        <v>110</v>
      </c>
      <c r="D68" s="3">
        <v>3</v>
      </c>
    </row>
    <row r="69" spans="1:4" x14ac:dyDescent="0.25">
      <c r="A69" t="s">
        <v>162</v>
      </c>
      <c r="B69" t="s">
        <v>164</v>
      </c>
      <c r="C69" t="s">
        <v>124</v>
      </c>
      <c r="D69" s="3">
        <v>4</v>
      </c>
    </row>
    <row r="70" spans="1:4" x14ac:dyDescent="0.25">
      <c r="A70" t="s">
        <v>162</v>
      </c>
      <c r="B70" t="s">
        <v>163</v>
      </c>
      <c r="C70" t="s">
        <v>41</v>
      </c>
      <c r="D70" s="3">
        <v>5</v>
      </c>
    </row>
    <row r="71" spans="1:4" x14ac:dyDescent="0.25">
      <c r="A71" t="s">
        <v>162</v>
      </c>
      <c r="B71" t="s">
        <v>170</v>
      </c>
      <c r="C71" t="s">
        <v>70</v>
      </c>
      <c r="D71" s="3">
        <v>6</v>
      </c>
    </row>
    <row r="72" spans="1:4" x14ac:dyDescent="0.25">
      <c r="A72" t="s">
        <v>162</v>
      </c>
      <c r="B72" t="s">
        <v>171</v>
      </c>
      <c r="C72" t="s">
        <v>172</v>
      </c>
      <c r="D72" s="3">
        <v>7</v>
      </c>
    </row>
    <row r="73" spans="1:4" x14ac:dyDescent="0.25">
      <c r="A73" t="s">
        <v>162</v>
      </c>
      <c r="B73" t="s">
        <v>174</v>
      </c>
      <c r="C73" t="s">
        <v>72</v>
      </c>
      <c r="D73" s="3">
        <v>8</v>
      </c>
    </row>
    <row r="74" spans="1:4" x14ac:dyDescent="0.25">
      <c r="A74" t="s">
        <v>162</v>
      </c>
      <c r="B74" t="s">
        <v>173</v>
      </c>
      <c r="C74" t="s">
        <v>72</v>
      </c>
      <c r="D74" s="3">
        <v>9</v>
      </c>
    </row>
    <row r="75" spans="1:4" x14ac:dyDescent="0.25">
      <c r="A75" t="s">
        <v>162</v>
      </c>
      <c r="B75" t="s">
        <v>169</v>
      </c>
      <c r="C75" t="s">
        <v>8</v>
      </c>
      <c r="D75" s="3">
        <v>10</v>
      </c>
    </row>
    <row r="76" spans="1:4" x14ac:dyDescent="0.25">
      <c r="A76" t="s">
        <v>175</v>
      </c>
      <c r="B76" t="s">
        <v>181</v>
      </c>
      <c r="C76" t="s">
        <v>53</v>
      </c>
      <c r="D76" s="3">
        <v>1</v>
      </c>
    </row>
    <row r="77" spans="1:4" x14ac:dyDescent="0.25">
      <c r="A77" t="s">
        <v>175</v>
      </c>
      <c r="B77" t="s">
        <v>180</v>
      </c>
      <c r="C77" t="s">
        <v>17</v>
      </c>
      <c r="D77" s="3">
        <v>2</v>
      </c>
    </row>
    <row r="78" spans="1:4" x14ac:dyDescent="0.25">
      <c r="A78" t="s">
        <v>175</v>
      </c>
      <c r="B78" t="s">
        <v>179</v>
      </c>
      <c r="C78" t="s">
        <v>74</v>
      </c>
      <c r="D78" s="3">
        <v>3</v>
      </c>
    </row>
    <row r="79" spans="1:4" x14ac:dyDescent="0.25">
      <c r="A79" t="s">
        <v>175</v>
      </c>
      <c r="B79" t="s">
        <v>178</v>
      </c>
      <c r="C79" t="s">
        <v>120</v>
      </c>
      <c r="D79" s="3">
        <v>4</v>
      </c>
    </row>
    <row r="80" spans="1:4" x14ac:dyDescent="0.25">
      <c r="A80" t="s">
        <v>175</v>
      </c>
      <c r="B80" t="s">
        <v>176</v>
      </c>
      <c r="C80" t="s">
        <v>177</v>
      </c>
      <c r="D80" s="3">
        <v>5</v>
      </c>
    </row>
    <row r="81" spans="1:4" x14ac:dyDescent="0.25">
      <c r="A81" t="s">
        <v>175</v>
      </c>
      <c r="B81" t="s">
        <v>183</v>
      </c>
      <c r="C81" t="s">
        <v>184</v>
      </c>
      <c r="D81" s="3">
        <v>6</v>
      </c>
    </row>
    <row r="82" spans="1:4" x14ac:dyDescent="0.25">
      <c r="A82" t="s">
        <v>175</v>
      </c>
      <c r="B82" t="s">
        <v>185</v>
      </c>
      <c r="C82" t="s">
        <v>17</v>
      </c>
      <c r="D82" s="3">
        <v>7</v>
      </c>
    </row>
    <row r="83" spans="1:4" x14ac:dyDescent="0.25">
      <c r="A83" t="s">
        <v>175</v>
      </c>
      <c r="B83" t="s">
        <v>187</v>
      </c>
      <c r="C83" t="s">
        <v>30</v>
      </c>
      <c r="D83" s="3">
        <v>8</v>
      </c>
    </row>
    <row r="84" spans="1:4" x14ac:dyDescent="0.25">
      <c r="A84" t="s">
        <v>175</v>
      </c>
      <c r="B84" t="s">
        <v>189</v>
      </c>
      <c r="C84" t="s">
        <v>46</v>
      </c>
      <c r="D84" s="3">
        <v>9</v>
      </c>
    </row>
    <row r="85" spans="1:4" x14ac:dyDescent="0.25">
      <c r="A85" t="s">
        <v>175</v>
      </c>
      <c r="B85" t="s">
        <v>182</v>
      </c>
      <c r="C85" t="s">
        <v>76</v>
      </c>
      <c r="D85" s="3">
        <v>10</v>
      </c>
    </row>
    <row r="86" spans="1:4" x14ac:dyDescent="0.25">
      <c r="A86" t="s">
        <v>190</v>
      </c>
      <c r="B86" t="s">
        <v>196</v>
      </c>
      <c r="C86" t="s">
        <v>104</v>
      </c>
      <c r="D86" s="3">
        <v>1</v>
      </c>
    </row>
    <row r="87" spans="1:4" x14ac:dyDescent="0.25">
      <c r="A87" t="s">
        <v>190</v>
      </c>
      <c r="B87" t="s">
        <v>194</v>
      </c>
      <c r="C87" t="s">
        <v>195</v>
      </c>
      <c r="D87" s="3">
        <v>2</v>
      </c>
    </row>
    <row r="88" spans="1:4" x14ac:dyDescent="0.25">
      <c r="A88" t="s">
        <v>190</v>
      </c>
      <c r="B88" t="s">
        <v>193</v>
      </c>
      <c r="C88" t="s">
        <v>30</v>
      </c>
      <c r="D88" s="3">
        <v>3</v>
      </c>
    </row>
    <row r="89" spans="1:4" x14ac:dyDescent="0.25">
      <c r="A89" t="s">
        <v>190</v>
      </c>
      <c r="B89" t="s">
        <v>192</v>
      </c>
      <c r="C89" t="s">
        <v>72</v>
      </c>
      <c r="D89" s="3">
        <v>4</v>
      </c>
    </row>
    <row r="90" spans="1:4" x14ac:dyDescent="0.25">
      <c r="A90" t="s">
        <v>190</v>
      </c>
      <c r="B90" t="s">
        <v>191</v>
      </c>
      <c r="C90" t="s">
        <v>79</v>
      </c>
      <c r="D90" s="3">
        <v>5</v>
      </c>
    </row>
    <row r="91" spans="1:4" x14ac:dyDescent="0.25">
      <c r="A91" t="s">
        <v>190</v>
      </c>
      <c r="B91" t="s">
        <v>203</v>
      </c>
      <c r="C91" t="s">
        <v>92</v>
      </c>
      <c r="D91" s="3">
        <v>6</v>
      </c>
    </row>
    <row r="92" spans="1:4" x14ac:dyDescent="0.25">
      <c r="A92" t="s">
        <v>190</v>
      </c>
      <c r="B92" t="s">
        <v>197</v>
      </c>
      <c r="C92" t="s">
        <v>110</v>
      </c>
      <c r="D92" s="3">
        <v>7</v>
      </c>
    </row>
    <row r="93" spans="1:4" x14ac:dyDescent="0.25">
      <c r="A93" t="s">
        <v>190</v>
      </c>
      <c r="B93" t="s">
        <v>199</v>
      </c>
      <c r="C93" t="s">
        <v>124</v>
      </c>
      <c r="D93" s="3">
        <v>8</v>
      </c>
    </row>
    <row r="94" spans="1:4" x14ac:dyDescent="0.25">
      <c r="A94" t="s">
        <v>190</v>
      </c>
      <c r="B94" t="s">
        <v>198</v>
      </c>
      <c r="C94" t="s">
        <v>17</v>
      </c>
      <c r="D94" s="3">
        <v>9</v>
      </c>
    </row>
    <row r="95" spans="1:4" x14ac:dyDescent="0.25">
      <c r="A95" t="s">
        <v>190</v>
      </c>
      <c r="B95" t="s">
        <v>201</v>
      </c>
      <c r="C95" t="s">
        <v>137</v>
      </c>
      <c r="D95" s="3">
        <v>10</v>
      </c>
    </row>
    <row r="96" spans="1:4" x14ac:dyDescent="0.25">
      <c r="A96" t="s">
        <v>205</v>
      </c>
      <c r="B96" t="s">
        <v>210</v>
      </c>
      <c r="C96" t="s">
        <v>39</v>
      </c>
      <c r="D96" s="3">
        <v>1</v>
      </c>
    </row>
    <row r="97" spans="1:4" x14ac:dyDescent="0.25">
      <c r="A97" t="s">
        <v>205</v>
      </c>
      <c r="B97" t="s">
        <v>209</v>
      </c>
      <c r="C97" t="s">
        <v>92</v>
      </c>
      <c r="D97" s="3">
        <v>2</v>
      </c>
    </row>
    <row r="98" spans="1:4" x14ac:dyDescent="0.25">
      <c r="A98" t="s">
        <v>205</v>
      </c>
      <c r="B98" t="s">
        <v>208</v>
      </c>
      <c r="C98" t="s">
        <v>70</v>
      </c>
      <c r="D98" s="3">
        <v>3</v>
      </c>
    </row>
    <row r="99" spans="1:4" x14ac:dyDescent="0.25">
      <c r="A99" t="s">
        <v>205</v>
      </c>
      <c r="B99" t="s">
        <v>207</v>
      </c>
      <c r="C99" t="s">
        <v>76</v>
      </c>
      <c r="D99" s="3">
        <v>4</v>
      </c>
    </row>
    <row r="100" spans="1:4" x14ac:dyDescent="0.25">
      <c r="A100" t="s">
        <v>205</v>
      </c>
      <c r="B100" t="s">
        <v>206</v>
      </c>
      <c r="C100" t="s">
        <v>77</v>
      </c>
      <c r="D100" s="3">
        <v>5</v>
      </c>
    </row>
    <row r="101" spans="1:4" x14ac:dyDescent="0.25">
      <c r="A101" t="s">
        <v>205</v>
      </c>
      <c r="B101" t="s">
        <v>214</v>
      </c>
      <c r="C101" t="s">
        <v>17</v>
      </c>
      <c r="D101" s="3">
        <v>6</v>
      </c>
    </row>
    <row r="102" spans="1:4" x14ac:dyDescent="0.25">
      <c r="A102" t="s">
        <v>205</v>
      </c>
      <c r="B102" t="s">
        <v>213</v>
      </c>
      <c r="C102" t="s">
        <v>75</v>
      </c>
      <c r="D102" s="3">
        <v>7</v>
      </c>
    </row>
    <row r="103" spans="1:4" x14ac:dyDescent="0.25">
      <c r="A103" t="s">
        <v>205</v>
      </c>
      <c r="B103" t="s">
        <v>215</v>
      </c>
      <c r="C103" t="s">
        <v>77</v>
      </c>
      <c r="D103" s="3">
        <v>8</v>
      </c>
    </row>
    <row r="104" spans="1:4" x14ac:dyDescent="0.25">
      <c r="A104" t="s">
        <v>205</v>
      </c>
      <c r="B104" t="s">
        <v>211</v>
      </c>
      <c r="C104" t="s">
        <v>93</v>
      </c>
      <c r="D104" s="3">
        <v>9</v>
      </c>
    </row>
    <row r="105" spans="1:4" x14ac:dyDescent="0.25">
      <c r="A105" t="s">
        <v>205</v>
      </c>
      <c r="B105" t="s">
        <v>212</v>
      </c>
      <c r="C105" t="s">
        <v>60</v>
      </c>
      <c r="D105" s="3">
        <v>10</v>
      </c>
    </row>
    <row r="106" spans="1:4" x14ac:dyDescent="0.25">
      <c r="A106" t="s">
        <v>216</v>
      </c>
      <c r="B106" t="s">
        <v>221</v>
      </c>
      <c r="C106" t="s">
        <v>70</v>
      </c>
      <c r="D106" s="3">
        <v>1</v>
      </c>
    </row>
    <row r="107" spans="1:4" x14ac:dyDescent="0.25">
      <c r="A107" t="s">
        <v>216</v>
      </c>
      <c r="B107" t="s">
        <v>220</v>
      </c>
      <c r="C107" t="s">
        <v>39</v>
      </c>
      <c r="D107" s="3">
        <v>2</v>
      </c>
    </row>
    <row r="108" spans="1:4" x14ac:dyDescent="0.25">
      <c r="A108" t="s">
        <v>216</v>
      </c>
      <c r="B108" t="s">
        <v>219</v>
      </c>
      <c r="C108" t="s">
        <v>80</v>
      </c>
      <c r="D108" s="3">
        <v>3</v>
      </c>
    </row>
    <row r="109" spans="1:4" x14ac:dyDescent="0.25">
      <c r="A109" t="s">
        <v>216</v>
      </c>
      <c r="B109" t="s">
        <v>218</v>
      </c>
      <c r="C109" t="s">
        <v>145</v>
      </c>
      <c r="D109" s="3">
        <v>4</v>
      </c>
    </row>
    <row r="110" spans="1:4" x14ac:dyDescent="0.25">
      <c r="A110" t="s">
        <v>216</v>
      </c>
      <c r="B110" t="s">
        <v>217</v>
      </c>
      <c r="C110" t="s">
        <v>110</v>
      </c>
      <c r="D110" s="3">
        <v>5</v>
      </c>
    </row>
    <row r="111" spans="1:4" x14ac:dyDescent="0.25">
      <c r="A111" t="s">
        <v>216</v>
      </c>
      <c r="B111" t="s">
        <v>222</v>
      </c>
      <c r="C111" t="s">
        <v>58</v>
      </c>
      <c r="D111" s="3">
        <v>6</v>
      </c>
    </row>
    <row r="112" spans="1:4" x14ac:dyDescent="0.25">
      <c r="A112" t="s">
        <v>216</v>
      </c>
      <c r="B112" t="s">
        <v>226</v>
      </c>
      <c r="C112" t="s">
        <v>24</v>
      </c>
      <c r="D112" s="3">
        <v>7</v>
      </c>
    </row>
    <row r="113" spans="1:4" x14ac:dyDescent="0.25">
      <c r="A113" t="s">
        <v>216</v>
      </c>
      <c r="B113" t="s">
        <v>227</v>
      </c>
      <c r="C113" t="s">
        <v>79</v>
      </c>
      <c r="D113" s="3">
        <v>8</v>
      </c>
    </row>
    <row r="114" spans="1:4" x14ac:dyDescent="0.25">
      <c r="A114" t="s">
        <v>216</v>
      </c>
      <c r="B114" t="s">
        <v>225</v>
      </c>
      <c r="C114" t="s">
        <v>117</v>
      </c>
      <c r="D114" s="3">
        <v>9</v>
      </c>
    </row>
    <row r="115" spans="1:4" x14ac:dyDescent="0.25">
      <c r="A115" t="s">
        <v>216</v>
      </c>
      <c r="B115" t="s">
        <v>223</v>
      </c>
      <c r="C115" t="s">
        <v>154</v>
      </c>
      <c r="D115" s="3">
        <v>10</v>
      </c>
    </row>
    <row r="116" spans="1:4" x14ac:dyDescent="0.25">
      <c r="A116" t="s">
        <v>228</v>
      </c>
      <c r="B116" t="s">
        <v>234</v>
      </c>
      <c r="C116" t="s">
        <v>144</v>
      </c>
      <c r="D116" s="3">
        <v>1</v>
      </c>
    </row>
    <row r="117" spans="1:4" x14ac:dyDescent="0.25">
      <c r="A117" t="s">
        <v>228</v>
      </c>
      <c r="B117" t="s">
        <v>233</v>
      </c>
      <c r="C117" t="s">
        <v>43</v>
      </c>
      <c r="D117" s="3">
        <v>2</v>
      </c>
    </row>
    <row r="118" spans="1:4" x14ac:dyDescent="0.25">
      <c r="A118" t="s">
        <v>228</v>
      </c>
      <c r="B118" t="s">
        <v>232</v>
      </c>
      <c r="C118" t="s">
        <v>23</v>
      </c>
      <c r="D118" s="3">
        <v>3</v>
      </c>
    </row>
    <row r="119" spans="1:4" x14ac:dyDescent="0.25">
      <c r="A119" t="s">
        <v>228</v>
      </c>
      <c r="B119" t="s">
        <v>231</v>
      </c>
      <c r="C119" t="s">
        <v>105</v>
      </c>
      <c r="D119" s="3">
        <v>4</v>
      </c>
    </row>
    <row r="120" spans="1:4" x14ac:dyDescent="0.25">
      <c r="A120" t="s">
        <v>228</v>
      </c>
      <c r="B120" t="s">
        <v>229</v>
      </c>
      <c r="C120" t="s">
        <v>230</v>
      </c>
      <c r="D120" s="3">
        <v>5</v>
      </c>
    </row>
    <row r="121" spans="1:4" x14ac:dyDescent="0.25">
      <c r="A121" t="s">
        <v>228</v>
      </c>
      <c r="B121" t="s">
        <v>237</v>
      </c>
      <c r="C121" t="s">
        <v>51</v>
      </c>
      <c r="D121" s="3">
        <v>6</v>
      </c>
    </row>
    <row r="122" spans="1:4" x14ac:dyDescent="0.25">
      <c r="A122" t="s">
        <v>228</v>
      </c>
      <c r="B122" t="s">
        <v>238</v>
      </c>
      <c r="C122" t="s">
        <v>239</v>
      </c>
      <c r="D122" s="3">
        <v>7</v>
      </c>
    </row>
    <row r="123" spans="1:4" x14ac:dyDescent="0.25">
      <c r="A123" t="s">
        <v>228</v>
      </c>
      <c r="B123" t="s">
        <v>242</v>
      </c>
      <c r="C123" t="s">
        <v>51</v>
      </c>
      <c r="D123" s="3">
        <v>8</v>
      </c>
    </row>
    <row r="124" spans="1:4" x14ac:dyDescent="0.25">
      <c r="A124" t="s">
        <v>228</v>
      </c>
      <c r="B124" t="s">
        <v>236</v>
      </c>
      <c r="C124" t="s">
        <v>23</v>
      </c>
      <c r="D124" s="3">
        <v>9</v>
      </c>
    </row>
    <row r="125" spans="1:4" x14ac:dyDescent="0.25">
      <c r="A125" t="s">
        <v>228</v>
      </c>
      <c r="B125" t="s">
        <v>240</v>
      </c>
      <c r="C125" t="s">
        <v>167</v>
      </c>
      <c r="D125" s="3">
        <v>10</v>
      </c>
    </row>
    <row r="126" spans="1:4" x14ac:dyDescent="0.25">
      <c r="A126" t="s">
        <v>243</v>
      </c>
      <c r="B126" t="s">
        <v>249</v>
      </c>
      <c r="C126" t="s">
        <v>39</v>
      </c>
      <c r="D126" s="3">
        <v>1</v>
      </c>
    </row>
    <row r="127" spans="1:4" x14ac:dyDescent="0.25">
      <c r="A127" t="s">
        <v>243</v>
      </c>
      <c r="B127" t="s">
        <v>248</v>
      </c>
      <c r="C127" t="s">
        <v>72</v>
      </c>
      <c r="D127" s="3">
        <v>2</v>
      </c>
    </row>
    <row r="128" spans="1:4" x14ac:dyDescent="0.25">
      <c r="A128" t="s">
        <v>243</v>
      </c>
      <c r="B128" t="s">
        <v>246</v>
      </c>
      <c r="C128" t="s">
        <v>247</v>
      </c>
      <c r="D128" s="3">
        <v>3</v>
      </c>
    </row>
    <row r="129" spans="1:4" x14ac:dyDescent="0.25">
      <c r="A129" t="s">
        <v>243</v>
      </c>
      <c r="B129" t="s">
        <v>245</v>
      </c>
      <c r="C129" t="s">
        <v>145</v>
      </c>
      <c r="D129" s="3">
        <v>4</v>
      </c>
    </row>
    <row r="130" spans="1:4" x14ac:dyDescent="0.25">
      <c r="A130" t="s">
        <v>243</v>
      </c>
      <c r="B130" t="s">
        <v>244</v>
      </c>
      <c r="C130" t="s">
        <v>70</v>
      </c>
      <c r="D130" s="3">
        <v>5</v>
      </c>
    </row>
    <row r="131" spans="1:4" x14ac:dyDescent="0.25">
      <c r="A131" t="s">
        <v>243</v>
      </c>
      <c r="B131" t="s">
        <v>251</v>
      </c>
      <c r="C131" t="s">
        <v>252</v>
      </c>
      <c r="D131" s="3">
        <v>6</v>
      </c>
    </row>
    <row r="132" spans="1:4" x14ac:dyDescent="0.25">
      <c r="A132" t="s">
        <v>243</v>
      </c>
      <c r="B132" t="s">
        <v>254</v>
      </c>
      <c r="C132" t="s">
        <v>255</v>
      </c>
      <c r="D132" s="3">
        <v>7</v>
      </c>
    </row>
    <row r="133" spans="1:4" x14ac:dyDescent="0.25">
      <c r="A133" t="s">
        <v>243</v>
      </c>
      <c r="B133" t="s">
        <v>250</v>
      </c>
      <c r="C133" t="s">
        <v>145</v>
      </c>
      <c r="D133" s="3">
        <v>8</v>
      </c>
    </row>
    <row r="134" spans="1:4" x14ac:dyDescent="0.25">
      <c r="A134" t="s">
        <v>243</v>
      </c>
      <c r="B134" t="s">
        <v>256</v>
      </c>
      <c r="C134" t="s">
        <v>104</v>
      </c>
      <c r="D134" s="3">
        <v>9</v>
      </c>
    </row>
    <row r="135" spans="1:4" x14ac:dyDescent="0.25">
      <c r="A135" t="s">
        <v>243</v>
      </c>
      <c r="B135" t="s">
        <v>253</v>
      </c>
      <c r="C135" t="s">
        <v>88</v>
      </c>
      <c r="D135" s="3">
        <v>10</v>
      </c>
    </row>
    <row r="136" spans="1:4" x14ac:dyDescent="0.25">
      <c r="A136" t="s">
        <v>257</v>
      </c>
      <c r="B136" t="s">
        <v>262</v>
      </c>
      <c r="C136" t="s">
        <v>21</v>
      </c>
      <c r="D136" s="3">
        <v>1</v>
      </c>
    </row>
    <row r="137" spans="1:4" x14ac:dyDescent="0.25">
      <c r="A137" t="s">
        <v>257</v>
      </c>
      <c r="B137" t="s">
        <v>261</v>
      </c>
      <c r="C137" t="s">
        <v>17</v>
      </c>
      <c r="D137" s="3">
        <v>2</v>
      </c>
    </row>
    <row r="138" spans="1:4" x14ac:dyDescent="0.25">
      <c r="A138" t="s">
        <v>257</v>
      </c>
      <c r="B138" t="s">
        <v>260</v>
      </c>
      <c r="C138" t="s">
        <v>51</v>
      </c>
      <c r="D138" s="3">
        <v>3</v>
      </c>
    </row>
    <row r="139" spans="1:4" x14ac:dyDescent="0.25">
      <c r="A139" t="s">
        <v>257</v>
      </c>
      <c r="B139" t="s">
        <v>259</v>
      </c>
      <c r="C139" t="s">
        <v>23</v>
      </c>
      <c r="D139" s="3">
        <v>4</v>
      </c>
    </row>
    <row r="140" spans="1:4" x14ac:dyDescent="0.25">
      <c r="A140" t="s">
        <v>257</v>
      </c>
      <c r="B140" t="s">
        <v>258</v>
      </c>
      <c r="C140" t="s">
        <v>47</v>
      </c>
      <c r="D140" s="3">
        <v>5</v>
      </c>
    </row>
    <row r="141" spans="1:4" x14ac:dyDescent="0.25">
      <c r="A141" t="s">
        <v>257</v>
      </c>
      <c r="B141" t="s">
        <v>270</v>
      </c>
      <c r="C141" t="s">
        <v>271</v>
      </c>
      <c r="D141" s="3">
        <v>6</v>
      </c>
    </row>
    <row r="142" spans="1:4" x14ac:dyDescent="0.25">
      <c r="A142" t="s">
        <v>257</v>
      </c>
      <c r="B142" t="s">
        <v>267</v>
      </c>
      <c r="C142" t="s">
        <v>30</v>
      </c>
      <c r="D142" s="3">
        <v>7</v>
      </c>
    </row>
    <row r="143" spans="1:4" x14ac:dyDescent="0.25">
      <c r="A143" t="s">
        <v>257</v>
      </c>
      <c r="B143" t="s">
        <v>266</v>
      </c>
      <c r="C143" t="s">
        <v>265</v>
      </c>
      <c r="D143" s="3">
        <v>8</v>
      </c>
    </row>
    <row r="144" spans="1:4" x14ac:dyDescent="0.25">
      <c r="A144" t="s">
        <v>257</v>
      </c>
      <c r="B144" t="s">
        <v>268</v>
      </c>
      <c r="C144" t="s">
        <v>269</v>
      </c>
      <c r="D144" s="3">
        <v>9</v>
      </c>
    </row>
    <row r="145" spans="1:4" x14ac:dyDescent="0.25">
      <c r="A145" t="s">
        <v>257</v>
      </c>
      <c r="B145" t="s">
        <v>263</v>
      </c>
      <c r="C145" t="s">
        <v>144</v>
      </c>
      <c r="D145" s="3">
        <v>10</v>
      </c>
    </row>
    <row r="146" spans="1:4" x14ac:dyDescent="0.25">
      <c r="A146" t="s">
        <v>272</v>
      </c>
      <c r="B146" t="s">
        <v>277</v>
      </c>
      <c r="C146" t="s">
        <v>252</v>
      </c>
      <c r="D146" s="3">
        <v>1</v>
      </c>
    </row>
    <row r="147" spans="1:4" x14ac:dyDescent="0.25">
      <c r="A147" t="s">
        <v>272</v>
      </c>
      <c r="B147" t="s">
        <v>276</v>
      </c>
      <c r="C147" t="s">
        <v>154</v>
      </c>
      <c r="D147" s="3">
        <v>2</v>
      </c>
    </row>
    <row r="148" spans="1:4" x14ac:dyDescent="0.25">
      <c r="A148" t="s">
        <v>272</v>
      </c>
      <c r="B148" t="s">
        <v>275</v>
      </c>
      <c r="C148" t="s">
        <v>117</v>
      </c>
      <c r="D148" s="3">
        <v>3</v>
      </c>
    </row>
    <row r="149" spans="1:4" x14ac:dyDescent="0.25">
      <c r="A149" t="s">
        <v>272</v>
      </c>
      <c r="B149" t="s">
        <v>274</v>
      </c>
      <c r="C149" t="s">
        <v>17</v>
      </c>
      <c r="D149" s="3">
        <v>4</v>
      </c>
    </row>
    <row r="150" spans="1:4" x14ac:dyDescent="0.25">
      <c r="A150" t="s">
        <v>272</v>
      </c>
      <c r="B150" t="s">
        <v>273</v>
      </c>
      <c r="C150" t="s">
        <v>148</v>
      </c>
      <c r="D150" s="3">
        <v>5</v>
      </c>
    </row>
    <row r="151" spans="1:4" x14ac:dyDescent="0.25">
      <c r="A151" t="s">
        <v>272</v>
      </c>
      <c r="B151" t="s">
        <v>278</v>
      </c>
      <c r="C151" t="s">
        <v>279</v>
      </c>
      <c r="D151" s="3">
        <v>6</v>
      </c>
    </row>
    <row r="152" spans="1:4" x14ac:dyDescent="0.25">
      <c r="A152" t="s">
        <v>280</v>
      </c>
      <c r="B152" t="s">
        <v>285</v>
      </c>
      <c r="C152" t="s">
        <v>99</v>
      </c>
      <c r="D152" s="3">
        <v>1</v>
      </c>
    </row>
    <row r="153" spans="1:4" x14ac:dyDescent="0.25">
      <c r="A153" t="s">
        <v>280</v>
      </c>
      <c r="B153" t="s">
        <v>284</v>
      </c>
      <c r="C153" t="s">
        <v>36</v>
      </c>
      <c r="D153" s="3">
        <v>2</v>
      </c>
    </row>
    <row r="154" spans="1:4" x14ac:dyDescent="0.25">
      <c r="A154" t="s">
        <v>280</v>
      </c>
      <c r="B154" t="s">
        <v>283</v>
      </c>
      <c r="C154" t="s">
        <v>58</v>
      </c>
      <c r="D154" s="3">
        <v>3</v>
      </c>
    </row>
    <row r="155" spans="1:4" x14ac:dyDescent="0.25">
      <c r="A155" t="s">
        <v>280</v>
      </c>
      <c r="B155" t="s">
        <v>282</v>
      </c>
      <c r="C155" t="s">
        <v>202</v>
      </c>
      <c r="D155" s="3">
        <v>4</v>
      </c>
    </row>
    <row r="156" spans="1:4" x14ac:dyDescent="0.25">
      <c r="A156" t="s">
        <v>280</v>
      </c>
      <c r="B156" t="s">
        <v>281</v>
      </c>
      <c r="C156" t="s">
        <v>111</v>
      </c>
      <c r="D156" s="3">
        <v>5</v>
      </c>
    </row>
    <row r="157" spans="1:4" x14ac:dyDescent="0.25">
      <c r="A157" t="s">
        <v>280</v>
      </c>
      <c r="B157" t="s">
        <v>286</v>
      </c>
      <c r="C157" t="s">
        <v>287</v>
      </c>
      <c r="D157" s="3">
        <v>6</v>
      </c>
    </row>
    <row r="158" spans="1:4" x14ac:dyDescent="0.25">
      <c r="A158" t="s">
        <v>280</v>
      </c>
      <c r="B158" t="s">
        <v>288</v>
      </c>
      <c r="C158" t="s">
        <v>90</v>
      </c>
      <c r="D158" s="3">
        <v>7</v>
      </c>
    </row>
    <row r="159" spans="1:4" x14ac:dyDescent="0.25">
      <c r="A159" t="s">
        <v>280</v>
      </c>
      <c r="B159" t="s">
        <v>289</v>
      </c>
      <c r="C159" t="s">
        <v>72</v>
      </c>
      <c r="D159" s="3">
        <v>8</v>
      </c>
    </row>
    <row r="160" spans="1:4" x14ac:dyDescent="0.25">
      <c r="A160" t="s">
        <v>280</v>
      </c>
      <c r="B160" t="s">
        <v>290</v>
      </c>
      <c r="C160" t="s">
        <v>291</v>
      </c>
      <c r="D160" s="3">
        <v>9</v>
      </c>
    </row>
    <row r="161" spans="1:4" x14ac:dyDescent="0.25">
      <c r="A161" t="s">
        <v>280</v>
      </c>
      <c r="B161" t="s">
        <v>292</v>
      </c>
      <c r="C161" t="s">
        <v>76</v>
      </c>
      <c r="D161" s="3">
        <v>10</v>
      </c>
    </row>
    <row r="162" spans="1:4" x14ac:dyDescent="0.25">
      <c r="A162" t="s">
        <v>293</v>
      </c>
      <c r="B162" t="s">
        <v>299</v>
      </c>
      <c r="C162" t="s">
        <v>85</v>
      </c>
      <c r="D162" s="3">
        <v>1</v>
      </c>
    </row>
    <row r="163" spans="1:4" x14ac:dyDescent="0.25">
      <c r="A163" t="s">
        <v>293</v>
      </c>
      <c r="B163" t="s">
        <v>298</v>
      </c>
      <c r="C163" t="s">
        <v>110</v>
      </c>
      <c r="D163" s="3">
        <v>2</v>
      </c>
    </row>
    <row r="164" spans="1:4" x14ac:dyDescent="0.25">
      <c r="A164" t="s">
        <v>293</v>
      </c>
      <c r="B164" t="s">
        <v>297</v>
      </c>
      <c r="C164" t="s">
        <v>30</v>
      </c>
      <c r="D164" s="3">
        <v>3</v>
      </c>
    </row>
    <row r="165" spans="1:4" x14ac:dyDescent="0.25">
      <c r="A165" t="s">
        <v>293</v>
      </c>
      <c r="B165" t="s">
        <v>296</v>
      </c>
      <c r="C165" t="s">
        <v>104</v>
      </c>
      <c r="D165" s="3">
        <v>4</v>
      </c>
    </row>
    <row r="166" spans="1:4" x14ac:dyDescent="0.25">
      <c r="A166" t="s">
        <v>293</v>
      </c>
      <c r="B166" t="s">
        <v>294</v>
      </c>
      <c r="C166" t="s">
        <v>295</v>
      </c>
      <c r="D166" s="3">
        <v>5</v>
      </c>
    </row>
    <row r="167" spans="1:4" x14ac:dyDescent="0.25">
      <c r="A167" t="s">
        <v>293</v>
      </c>
      <c r="B167" t="s">
        <v>302</v>
      </c>
      <c r="C167" t="s">
        <v>224</v>
      </c>
      <c r="D167" s="3">
        <v>6</v>
      </c>
    </row>
    <row r="168" spans="1:4" x14ac:dyDescent="0.25">
      <c r="A168" t="s">
        <v>293</v>
      </c>
      <c r="B168" t="s">
        <v>305</v>
      </c>
      <c r="C168" t="s">
        <v>306</v>
      </c>
      <c r="D168" s="3">
        <v>7</v>
      </c>
    </row>
    <row r="169" spans="1:4" x14ac:dyDescent="0.25">
      <c r="A169" t="s">
        <v>293</v>
      </c>
      <c r="B169" t="s">
        <v>300</v>
      </c>
      <c r="C169" t="s">
        <v>23</v>
      </c>
      <c r="D169" s="3">
        <v>8</v>
      </c>
    </row>
    <row r="170" spans="1:4" x14ac:dyDescent="0.25">
      <c r="A170" t="s">
        <v>293</v>
      </c>
      <c r="B170" t="s">
        <v>304</v>
      </c>
      <c r="C170" t="s">
        <v>115</v>
      </c>
      <c r="D170" s="3">
        <v>9</v>
      </c>
    </row>
    <row r="171" spans="1:4" x14ac:dyDescent="0.25">
      <c r="A171" t="s">
        <v>293</v>
      </c>
      <c r="B171" t="s">
        <v>303</v>
      </c>
      <c r="C171" t="s">
        <v>147</v>
      </c>
      <c r="D171" s="3">
        <v>10</v>
      </c>
    </row>
    <row r="172" spans="1:4" x14ac:dyDescent="0.25">
      <c r="A172" t="s">
        <v>307</v>
      </c>
      <c r="B172" t="s">
        <v>312</v>
      </c>
      <c r="C172" t="s">
        <v>61</v>
      </c>
      <c r="D172" s="3">
        <v>1</v>
      </c>
    </row>
    <row r="173" spans="1:4" x14ac:dyDescent="0.25">
      <c r="A173" t="s">
        <v>307</v>
      </c>
      <c r="B173" t="s">
        <v>311</v>
      </c>
      <c r="C173" t="s">
        <v>81</v>
      </c>
      <c r="D173" s="3">
        <v>2</v>
      </c>
    </row>
    <row r="174" spans="1:4" x14ac:dyDescent="0.25">
      <c r="A174" t="s">
        <v>307</v>
      </c>
      <c r="B174" t="s">
        <v>310</v>
      </c>
      <c r="C174" t="s">
        <v>147</v>
      </c>
      <c r="D174" s="3">
        <v>3</v>
      </c>
    </row>
    <row r="175" spans="1:4" x14ac:dyDescent="0.25">
      <c r="A175" t="s">
        <v>307</v>
      </c>
      <c r="B175" t="s">
        <v>309</v>
      </c>
      <c r="C175" t="s">
        <v>147</v>
      </c>
      <c r="D175" s="3">
        <v>4</v>
      </c>
    </row>
    <row r="176" spans="1:4" x14ac:dyDescent="0.25">
      <c r="A176" t="s">
        <v>307</v>
      </c>
      <c r="B176" t="s">
        <v>308</v>
      </c>
      <c r="C176" t="s">
        <v>72</v>
      </c>
      <c r="D176" s="3">
        <v>5</v>
      </c>
    </row>
    <row r="177" spans="1:4" x14ac:dyDescent="0.25">
      <c r="A177" t="s">
        <v>307</v>
      </c>
      <c r="B177" t="s">
        <v>313</v>
      </c>
      <c r="C177" t="s">
        <v>130</v>
      </c>
      <c r="D177" s="3">
        <v>6</v>
      </c>
    </row>
    <row r="178" spans="1:4" x14ac:dyDescent="0.25">
      <c r="A178" t="s">
        <v>307</v>
      </c>
      <c r="B178" t="s">
        <v>317</v>
      </c>
      <c r="C178" t="s">
        <v>74</v>
      </c>
      <c r="D178" s="3">
        <v>7</v>
      </c>
    </row>
    <row r="179" spans="1:4" x14ac:dyDescent="0.25">
      <c r="A179" t="s">
        <v>307</v>
      </c>
      <c r="B179" t="s">
        <v>315</v>
      </c>
      <c r="C179" t="s">
        <v>316</v>
      </c>
      <c r="D179" s="3">
        <v>8</v>
      </c>
    </row>
    <row r="180" spans="1:4" x14ac:dyDescent="0.25">
      <c r="A180" t="s">
        <v>307</v>
      </c>
      <c r="B180" t="s">
        <v>314</v>
      </c>
      <c r="C180" t="s">
        <v>224</v>
      </c>
      <c r="D180" s="3">
        <v>9</v>
      </c>
    </row>
    <row r="181" spans="1:4" x14ac:dyDescent="0.25">
      <c r="A181" t="s">
        <v>307</v>
      </c>
      <c r="B181" t="s">
        <v>318</v>
      </c>
      <c r="C181" t="s">
        <v>104</v>
      </c>
      <c r="D181" s="3">
        <v>10</v>
      </c>
    </row>
    <row r="182" spans="1:4" x14ac:dyDescent="0.25">
      <c r="A182" t="s">
        <v>319</v>
      </c>
      <c r="B182" t="s">
        <v>324</v>
      </c>
      <c r="C182" t="s">
        <v>184</v>
      </c>
      <c r="D182" s="3">
        <v>1</v>
      </c>
    </row>
    <row r="183" spans="1:4" x14ac:dyDescent="0.25">
      <c r="A183" t="s">
        <v>319</v>
      </c>
      <c r="B183" t="s">
        <v>323</v>
      </c>
      <c r="C183" t="s">
        <v>26</v>
      </c>
      <c r="D183" s="3">
        <v>2</v>
      </c>
    </row>
    <row r="184" spans="1:4" x14ac:dyDescent="0.25">
      <c r="A184" t="s">
        <v>319</v>
      </c>
      <c r="B184" t="s">
        <v>322</v>
      </c>
      <c r="C184" t="s">
        <v>77</v>
      </c>
      <c r="D184" s="3">
        <v>3</v>
      </c>
    </row>
    <row r="185" spans="1:4" x14ac:dyDescent="0.25">
      <c r="A185" t="s">
        <v>319</v>
      </c>
      <c r="B185" t="s">
        <v>321</v>
      </c>
      <c r="C185" t="s">
        <v>74</v>
      </c>
      <c r="D185" s="3">
        <v>4</v>
      </c>
    </row>
    <row r="186" spans="1:4" x14ac:dyDescent="0.25">
      <c r="A186" t="s">
        <v>319</v>
      </c>
      <c r="B186" t="s">
        <v>320</v>
      </c>
      <c r="C186" t="s">
        <v>108</v>
      </c>
      <c r="D186" s="3">
        <v>5</v>
      </c>
    </row>
    <row r="187" spans="1:4" x14ac:dyDescent="0.25">
      <c r="A187" t="s">
        <v>319</v>
      </c>
      <c r="B187" t="s">
        <v>328</v>
      </c>
      <c r="C187" t="s">
        <v>137</v>
      </c>
      <c r="D187" s="3">
        <v>6</v>
      </c>
    </row>
    <row r="188" spans="1:4" x14ac:dyDescent="0.25">
      <c r="A188" t="s">
        <v>319</v>
      </c>
      <c r="B188" t="s">
        <v>325</v>
      </c>
      <c r="C188" t="s">
        <v>184</v>
      </c>
      <c r="D188" s="3">
        <v>7</v>
      </c>
    </row>
    <row r="189" spans="1:4" x14ac:dyDescent="0.25">
      <c r="A189" t="s">
        <v>319</v>
      </c>
      <c r="B189" t="s">
        <v>326</v>
      </c>
      <c r="C189" t="s">
        <v>224</v>
      </c>
      <c r="D189" s="3">
        <v>8</v>
      </c>
    </row>
    <row r="190" spans="1:4" x14ac:dyDescent="0.25">
      <c r="A190" t="s">
        <v>319</v>
      </c>
      <c r="B190" t="s">
        <v>327</v>
      </c>
      <c r="C190" t="s">
        <v>35</v>
      </c>
      <c r="D190" s="3">
        <v>9</v>
      </c>
    </row>
    <row r="191" spans="1:4" x14ac:dyDescent="0.25">
      <c r="A191" t="s">
        <v>319</v>
      </c>
      <c r="B191" t="s">
        <v>332</v>
      </c>
      <c r="C191" t="s">
        <v>93</v>
      </c>
      <c r="D191" s="3">
        <v>10</v>
      </c>
    </row>
    <row r="192" spans="1:4" x14ac:dyDescent="0.25">
      <c r="A192" t="s">
        <v>333</v>
      </c>
      <c r="B192" t="s">
        <v>338</v>
      </c>
      <c r="C192" t="s">
        <v>177</v>
      </c>
      <c r="D192" s="3">
        <v>1</v>
      </c>
    </row>
    <row r="193" spans="1:4" x14ac:dyDescent="0.25">
      <c r="A193" t="s">
        <v>333</v>
      </c>
      <c r="B193" t="s">
        <v>337</v>
      </c>
      <c r="C193" t="s">
        <v>291</v>
      </c>
      <c r="D193" s="3">
        <v>2</v>
      </c>
    </row>
    <row r="194" spans="1:4" x14ac:dyDescent="0.25">
      <c r="A194" t="s">
        <v>333</v>
      </c>
      <c r="B194" t="s">
        <v>336</v>
      </c>
      <c r="C194" t="s">
        <v>186</v>
      </c>
      <c r="D194" s="3">
        <v>3</v>
      </c>
    </row>
    <row r="195" spans="1:4" x14ac:dyDescent="0.25">
      <c r="A195" t="s">
        <v>333</v>
      </c>
      <c r="B195" t="s">
        <v>335</v>
      </c>
      <c r="C195" t="s">
        <v>101</v>
      </c>
      <c r="D195" s="3">
        <v>4</v>
      </c>
    </row>
    <row r="196" spans="1:4" x14ac:dyDescent="0.25">
      <c r="A196" t="s">
        <v>333</v>
      </c>
      <c r="B196" t="s">
        <v>334</v>
      </c>
      <c r="C196" t="s">
        <v>72</v>
      </c>
      <c r="D196" s="3">
        <v>5</v>
      </c>
    </row>
    <row r="197" spans="1:4" x14ac:dyDescent="0.25">
      <c r="A197" t="s">
        <v>333</v>
      </c>
      <c r="B197" t="s">
        <v>343</v>
      </c>
      <c r="C197" t="s">
        <v>118</v>
      </c>
      <c r="D197" s="3">
        <v>6</v>
      </c>
    </row>
    <row r="198" spans="1:4" x14ac:dyDescent="0.25">
      <c r="A198" t="s">
        <v>333</v>
      </c>
      <c r="B198" t="s">
        <v>340</v>
      </c>
      <c r="C198" t="s">
        <v>107</v>
      </c>
      <c r="D198" s="3">
        <v>7</v>
      </c>
    </row>
    <row r="199" spans="1:4" x14ac:dyDescent="0.25">
      <c r="A199" t="s">
        <v>333</v>
      </c>
      <c r="B199" t="s">
        <v>341</v>
      </c>
      <c r="C199" t="s">
        <v>29</v>
      </c>
      <c r="D199" s="3">
        <v>8</v>
      </c>
    </row>
    <row r="200" spans="1:4" x14ac:dyDescent="0.25">
      <c r="A200" t="s">
        <v>333</v>
      </c>
      <c r="B200" t="s">
        <v>342</v>
      </c>
      <c r="C200" t="s">
        <v>331</v>
      </c>
      <c r="D200" s="3">
        <v>9</v>
      </c>
    </row>
    <row r="201" spans="1:4" x14ac:dyDescent="0.25">
      <c r="A201" t="s">
        <v>333</v>
      </c>
      <c r="B201" t="s">
        <v>339</v>
      </c>
      <c r="C201" t="s">
        <v>186</v>
      </c>
      <c r="D201" s="3">
        <v>10</v>
      </c>
    </row>
    <row r="202" spans="1:4" x14ac:dyDescent="0.25">
      <c r="A202" t="s">
        <v>344</v>
      </c>
      <c r="B202" t="s">
        <v>349</v>
      </c>
      <c r="C202" t="s">
        <v>119</v>
      </c>
      <c r="D202" s="3">
        <v>1</v>
      </c>
    </row>
    <row r="203" spans="1:4" x14ac:dyDescent="0.25">
      <c r="A203" t="s">
        <v>344</v>
      </c>
      <c r="B203" t="s">
        <v>348</v>
      </c>
      <c r="C203" t="s">
        <v>115</v>
      </c>
      <c r="D203" s="3">
        <v>2</v>
      </c>
    </row>
    <row r="204" spans="1:4" x14ac:dyDescent="0.25">
      <c r="A204" t="s">
        <v>344</v>
      </c>
      <c r="B204" t="s">
        <v>347</v>
      </c>
      <c r="C204" t="s">
        <v>265</v>
      </c>
      <c r="D204" s="3">
        <v>3</v>
      </c>
    </row>
    <row r="205" spans="1:4" x14ac:dyDescent="0.25">
      <c r="A205" t="s">
        <v>344</v>
      </c>
      <c r="B205" t="s">
        <v>346</v>
      </c>
      <c r="C205" t="s">
        <v>184</v>
      </c>
      <c r="D205" s="3">
        <v>4</v>
      </c>
    </row>
    <row r="206" spans="1:4" x14ac:dyDescent="0.25">
      <c r="A206" t="s">
        <v>344</v>
      </c>
      <c r="B206" t="s">
        <v>345</v>
      </c>
      <c r="C206" t="s">
        <v>85</v>
      </c>
      <c r="D206" s="3">
        <v>5</v>
      </c>
    </row>
    <row r="207" spans="1:4" x14ac:dyDescent="0.25">
      <c r="A207" t="s">
        <v>344</v>
      </c>
      <c r="B207" t="s">
        <v>352</v>
      </c>
      <c r="C207" t="s">
        <v>145</v>
      </c>
      <c r="D207" s="3">
        <v>6</v>
      </c>
    </row>
    <row r="208" spans="1:4" x14ac:dyDescent="0.25">
      <c r="A208" t="s">
        <v>344</v>
      </c>
      <c r="B208" t="s">
        <v>354</v>
      </c>
      <c r="C208" t="s">
        <v>147</v>
      </c>
      <c r="D208" s="3">
        <v>7</v>
      </c>
    </row>
    <row r="209" spans="1:4" x14ac:dyDescent="0.25">
      <c r="A209" t="s">
        <v>344</v>
      </c>
      <c r="B209" t="s">
        <v>353</v>
      </c>
      <c r="C209" t="s">
        <v>60</v>
      </c>
      <c r="D209" s="3">
        <v>8</v>
      </c>
    </row>
    <row r="210" spans="1:4" x14ac:dyDescent="0.25">
      <c r="A210" t="s">
        <v>344</v>
      </c>
      <c r="B210" t="s">
        <v>355</v>
      </c>
      <c r="C210" t="s">
        <v>17</v>
      </c>
      <c r="D210" s="3">
        <v>9</v>
      </c>
    </row>
    <row r="211" spans="1:4" x14ac:dyDescent="0.25">
      <c r="A211" t="s">
        <v>344</v>
      </c>
      <c r="B211" t="s">
        <v>350</v>
      </c>
      <c r="C211" t="s">
        <v>351</v>
      </c>
      <c r="D211" s="3">
        <v>10</v>
      </c>
    </row>
    <row r="212" spans="1:4" x14ac:dyDescent="0.25">
      <c r="A212" t="s">
        <v>356</v>
      </c>
      <c r="B212" t="s">
        <v>361</v>
      </c>
      <c r="C212" t="s">
        <v>104</v>
      </c>
      <c r="D212" s="3">
        <v>1</v>
      </c>
    </row>
    <row r="213" spans="1:4" x14ac:dyDescent="0.25">
      <c r="A213" t="s">
        <v>356</v>
      </c>
      <c r="B213" t="s">
        <v>360</v>
      </c>
      <c r="C213" t="s">
        <v>301</v>
      </c>
      <c r="D213" s="3">
        <v>2</v>
      </c>
    </row>
    <row r="214" spans="1:4" x14ac:dyDescent="0.25">
      <c r="A214" t="s">
        <v>356</v>
      </c>
      <c r="B214" t="s">
        <v>359</v>
      </c>
      <c r="C214" t="s">
        <v>90</v>
      </c>
      <c r="D214" s="3">
        <v>3</v>
      </c>
    </row>
    <row r="215" spans="1:4" x14ac:dyDescent="0.25">
      <c r="A215" t="s">
        <v>356</v>
      </c>
      <c r="B215" t="s">
        <v>358</v>
      </c>
      <c r="C215" t="s">
        <v>72</v>
      </c>
      <c r="D215" s="3">
        <v>4</v>
      </c>
    </row>
    <row r="216" spans="1:4" x14ac:dyDescent="0.25">
      <c r="A216" t="s">
        <v>356</v>
      </c>
      <c r="B216" t="s">
        <v>357</v>
      </c>
      <c r="C216" t="s">
        <v>70</v>
      </c>
      <c r="D216" s="3">
        <v>5</v>
      </c>
    </row>
    <row r="217" spans="1:4" x14ac:dyDescent="0.25">
      <c r="A217" t="s">
        <v>356</v>
      </c>
      <c r="B217" t="s">
        <v>365</v>
      </c>
      <c r="C217" t="s">
        <v>202</v>
      </c>
      <c r="D217" s="3">
        <v>6</v>
      </c>
    </row>
    <row r="218" spans="1:4" x14ac:dyDescent="0.25">
      <c r="A218" t="s">
        <v>356</v>
      </c>
      <c r="B218" t="s">
        <v>362</v>
      </c>
      <c r="C218" t="s">
        <v>120</v>
      </c>
      <c r="D218" s="3">
        <v>7</v>
      </c>
    </row>
    <row r="219" spans="1:4" x14ac:dyDescent="0.25">
      <c r="A219" t="s">
        <v>356</v>
      </c>
      <c r="B219" t="s">
        <v>366</v>
      </c>
      <c r="C219" t="s">
        <v>159</v>
      </c>
      <c r="D219" s="3">
        <v>8</v>
      </c>
    </row>
    <row r="220" spans="1:4" x14ac:dyDescent="0.25">
      <c r="A220" t="s">
        <v>356</v>
      </c>
      <c r="B220" t="s">
        <v>363</v>
      </c>
      <c r="C220" t="s">
        <v>147</v>
      </c>
      <c r="D220" s="3">
        <v>9</v>
      </c>
    </row>
    <row r="221" spans="1:4" x14ac:dyDescent="0.25">
      <c r="A221" t="s">
        <v>356</v>
      </c>
      <c r="B221" t="s">
        <v>367</v>
      </c>
      <c r="C221" t="s">
        <v>255</v>
      </c>
      <c r="D221" s="3">
        <v>10</v>
      </c>
    </row>
    <row r="222" spans="1:4" x14ac:dyDescent="0.25">
      <c r="A222" t="s">
        <v>368</v>
      </c>
      <c r="B222" t="s">
        <v>374</v>
      </c>
      <c r="C222" t="s">
        <v>120</v>
      </c>
      <c r="D222" s="3">
        <v>1</v>
      </c>
    </row>
    <row r="223" spans="1:4" x14ac:dyDescent="0.25">
      <c r="A223" t="s">
        <v>368</v>
      </c>
      <c r="B223" t="s">
        <v>373</v>
      </c>
      <c r="C223" t="s">
        <v>99</v>
      </c>
      <c r="D223" s="3">
        <v>2</v>
      </c>
    </row>
    <row r="224" spans="1:4" x14ac:dyDescent="0.25">
      <c r="A224" t="s">
        <v>368</v>
      </c>
      <c r="B224" t="s">
        <v>372</v>
      </c>
      <c r="C224" t="s">
        <v>60</v>
      </c>
      <c r="D224" s="3">
        <v>3</v>
      </c>
    </row>
    <row r="225" spans="1:4" x14ac:dyDescent="0.25">
      <c r="A225" t="s">
        <v>368</v>
      </c>
      <c r="B225" t="s">
        <v>370</v>
      </c>
      <c r="C225" t="s">
        <v>371</v>
      </c>
      <c r="D225" s="3">
        <v>4</v>
      </c>
    </row>
    <row r="226" spans="1:4" x14ac:dyDescent="0.25">
      <c r="A226" t="s">
        <v>368</v>
      </c>
      <c r="B226" t="s">
        <v>369</v>
      </c>
      <c r="C226" t="s">
        <v>8</v>
      </c>
      <c r="D226" s="3">
        <v>5</v>
      </c>
    </row>
    <row r="227" spans="1:4" x14ac:dyDescent="0.25">
      <c r="A227" t="s">
        <v>368</v>
      </c>
      <c r="B227" t="s">
        <v>378</v>
      </c>
      <c r="C227" t="s">
        <v>74</v>
      </c>
      <c r="D227" s="3">
        <v>6</v>
      </c>
    </row>
    <row r="228" spans="1:4" x14ac:dyDescent="0.25">
      <c r="A228" t="s">
        <v>368</v>
      </c>
      <c r="B228" t="s">
        <v>377</v>
      </c>
      <c r="C228" t="s">
        <v>74</v>
      </c>
      <c r="D228" s="3">
        <v>7</v>
      </c>
    </row>
    <row r="229" spans="1:4" x14ac:dyDescent="0.25">
      <c r="A229" t="s">
        <v>368</v>
      </c>
      <c r="B229" t="s">
        <v>379</v>
      </c>
      <c r="C229" t="s">
        <v>104</v>
      </c>
      <c r="D229" s="3">
        <v>8</v>
      </c>
    </row>
    <row r="230" spans="1:4" x14ac:dyDescent="0.25">
      <c r="A230" t="s">
        <v>368</v>
      </c>
      <c r="B230" t="s">
        <v>375</v>
      </c>
      <c r="C230" t="s">
        <v>247</v>
      </c>
      <c r="D230" s="3">
        <v>9</v>
      </c>
    </row>
    <row r="231" spans="1:4" x14ac:dyDescent="0.25">
      <c r="A231" t="s">
        <v>368</v>
      </c>
      <c r="B231" t="s">
        <v>376</v>
      </c>
      <c r="C231" t="s">
        <v>32</v>
      </c>
      <c r="D231" s="3">
        <v>10</v>
      </c>
    </row>
    <row r="232" spans="1:4" x14ac:dyDescent="0.25">
      <c r="A232" t="s">
        <v>380</v>
      </c>
      <c r="B232" t="s">
        <v>385</v>
      </c>
      <c r="C232" t="s">
        <v>99</v>
      </c>
      <c r="D232" s="3">
        <v>1</v>
      </c>
    </row>
    <row r="233" spans="1:4" x14ac:dyDescent="0.25">
      <c r="A233" t="s">
        <v>380</v>
      </c>
      <c r="B233" t="s">
        <v>384</v>
      </c>
      <c r="C233" t="s">
        <v>70</v>
      </c>
      <c r="D233" s="3">
        <v>2</v>
      </c>
    </row>
    <row r="234" spans="1:4" x14ac:dyDescent="0.25">
      <c r="A234" t="s">
        <v>380</v>
      </c>
      <c r="B234" t="s">
        <v>383</v>
      </c>
      <c r="C234" t="s">
        <v>30</v>
      </c>
      <c r="D234" s="3">
        <v>3</v>
      </c>
    </row>
    <row r="235" spans="1:4" x14ac:dyDescent="0.25">
      <c r="A235" t="s">
        <v>380</v>
      </c>
      <c r="B235" t="s">
        <v>382</v>
      </c>
      <c r="C235" t="s">
        <v>60</v>
      </c>
      <c r="D235" s="3">
        <v>4</v>
      </c>
    </row>
    <row r="236" spans="1:4" x14ac:dyDescent="0.25">
      <c r="A236" t="s">
        <v>380</v>
      </c>
      <c r="B236" t="s">
        <v>381</v>
      </c>
      <c r="C236" t="s">
        <v>90</v>
      </c>
      <c r="D236" s="3">
        <v>5</v>
      </c>
    </row>
    <row r="237" spans="1:4" x14ac:dyDescent="0.25">
      <c r="A237" t="s">
        <v>380</v>
      </c>
      <c r="B237" t="s">
        <v>388</v>
      </c>
      <c r="C237" t="s">
        <v>34</v>
      </c>
      <c r="D237" s="3">
        <v>6</v>
      </c>
    </row>
    <row r="238" spans="1:4" x14ac:dyDescent="0.25">
      <c r="A238" t="s">
        <v>380</v>
      </c>
      <c r="B238" t="s">
        <v>386</v>
      </c>
      <c r="C238" t="s">
        <v>79</v>
      </c>
      <c r="D238" s="3">
        <v>7</v>
      </c>
    </row>
    <row r="239" spans="1:4" x14ac:dyDescent="0.25">
      <c r="A239" t="s">
        <v>380</v>
      </c>
      <c r="B239" t="s">
        <v>391</v>
      </c>
      <c r="C239" t="s">
        <v>70</v>
      </c>
      <c r="D239" s="3">
        <v>8</v>
      </c>
    </row>
    <row r="240" spans="1:4" x14ac:dyDescent="0.25">
      <c r="A240" t="s">
        <v>380</v>
      </c>
      <c r="B240" t="s">
        <v>392</v>
      </c>
      <c r="C240" t="s">
        <v>43</v>
      </c>
      <c r="D240" s="3">
        <v>9</v>
      </c>
    </row>
    <row r="241" spans="1:4" x14ac:dyDescent="0.25">
      <c r="A241" t="s">
        <v>380</v>
      </c>
      <c r="B241" t="s">
        <v>387</v>
      </c>
      <c r="C241" t="s">
        <v>107</v>
      </c>
      <c r="D241" s="3">
        <v>10</v>
      </c>
    </row>
    <row r="242" spans="1:4" x14ac:dyDescent="0.25">
      <c r="A242" t="s">
        <v>393</v>
      </c>
      <c r="B242" t="s">
        <v>398</v>
      </c>
      <c r="C242" t="s">
        <v>72</v>
      </c>
      <c r="D242" s="3">
        <v>1</v>
      </c>
    </row>
    <row r="243" spans="1:4" x14ac:dyDescent="0.25">
      <c r="A243" t="s">
        <v>393</v>
      </c>
      <c r="B243" t="s">
        <v>397</v>
      </c>
      <c r="C243" t="s">
        <v>17</v>
      </c>
      <c r="D243" s="3">
        <v>2</v>
      </c>
    </row>
    <row r="244" spans="1:4" x14ac:dyDescent="0.25">
      <c r="A244" t="s">
        <v>393</v>
      </c>
      <c r="B244" t="s">
        <v>396</v>
      </c>
      <c r="C244" t="s">
        <v>74</v>
      </c>
      <c r="D244" s="3">
        <v>3</v>
      </c>
    </row>
    <row r="245" spans="1:4" x14ac:dyDescent="0.25">
      <c r="A245" t="s">
        <v>393</v>
      </c>
      <c r="B245" t="s">
        <v>395</v>
      </c>
      <c r="C245" t="s">
        <v>154</v>
      </c>
      <c r="D245" s="3">
        <v>4</v>
      </c>
    </row>
    <row r="246" spans="1:4" x14ac:dyDescent="0.25">
      <c r="A246" t="s">
        <v>393</v>
      </c>
      <c r="B246" t="s">
        <v>394</v>
      </c>
      <c r="C246" t="s">
        <v>120</v>
      </c>
      <c r="D246" s="3">
        <v>5</v>
      </c>
    </row>
    <row r="247" spans="1:4" x14ac:dyDescent="0.25">
      <c r="A247" t="s">
        <v>393</v>
      </c>
      <c r="B247" t="s">
        <v>400</v>
      </c>
      <c r="C247" t="s">
        <v>115</v>
      </c>
      <c r="D247" s="3">
        <v>6</v>
      </c>
    </row>
    <row r="248" spans="1:4" x14ac:dyDescent="0.25">
      <c r="A248" t="s">
        <v>393</v>
      </c>
      <c r="B248" t="s">
        <v>399</v>
      </c>
      <c r="C248" t="s">
        <v>115</v>
      </c>
      <c r="D248" s="3">
        <v>7</v>
      </c>
    </row>
    <row r="249" spans="1:4" x14ac:dyDescent="0.25">
      <c r="A249" t="s">
        <v>393</v>
      </c>
      <c r="B249" t="s">
        <v>401</v>
      </c>
      <c r="C249" t="s">
        <v>120</v>
      </c>
      <c r="D249" s="3">
        <v>8</v>
      </c>
    </row>
    <row r="250" spans="1:4" x14ac:dyDescent="0.25">
      <c r="A250" t="s">
        <v>393</v>
      </c>
      <c r="B250" t="s">
        <v>402</v>
      </c>
      <c r="C250" t="s">
        <v>117</v>
      </c>
      <c r="D250" s="3">
        <v>9</v>
      </c>
    </row>
    <row r="251" spans="1:4" x14ac:dyDescent="0.25">
      <c r="A251" t="s">
        <v>393</v>
      </c>
      <c r="B251" t="s">
        <v>403</v>
      </c>
      <c r="C251" t="s">
        <v>10</v>
      </c>
      <c r="D251" s="3">
        <v>10</v>
      </c>
    </row>
    <row r="252" spans="1:4" x14ac:dyDescent="0.25">
      <c r="A252" t="s">
        <v>404</v>
      </c>
      <c r="B252" t="s">
        <v>410</v>
      </c>
      <c r="C252" t="s">
        <v>104</v>
      </c>
      <c r="D252" s="3">
        <v>1</v>
      </c>
    </row>
    <row r="253" spans="1:4" x14ac:dyDescent="0.25">
      <c r="A253" t="s">
        <v>404</v>
      </c>
      <c r="B253" t="s">
        <v>409</v>
      </c>
      <c r="C253" t="s">
        <v>74</v>
      </c>
      <c r="D253" s="3">
        <v>2</v>
      </c>
    </row>
    <row r="254" spans="1:4" x14ac:dyDescent="0.25">
      <c r="A254" t="s">
        <v>404</v>
      </c>
      <c r="B254" t="s">
        <v>408</v>
      </c>
      <c r="C254" t="s">
        <v>30</v>
      </c>
      <c r="D254" s="3">
        <v>3</v>
      </c>
    </row>
    <row r="255" spans="1:4" x14ac:dyDescent="0.25">
      <c r="A255" t="s">
        <v>404</v>
      </c>
      <c r="B255" t="s">
        <v>407</v>
      </c>
      <c r="C255" t="s">
        <v>72</v>
      </c>
      <c r="D255" s="3">
        <v>4</v>
      </c>
    </row>
    <row r="256" spans="1:4" x14ac:dyDescent="0.25">
      <c r="A256" t="s">
        <v>404</v>
      </c>
      <c r="B256" t="s">
        <v>405</v>
      </c>
      <c r="C256" t="s">
        <v>406</v>
      </c>
      <c r="D256" s="3">
        <v>5</v>
      </c>
    </row>
    <row r="257" spans="1:4" x14ac:dyDescent="0.25">
      <c r="A257" t="s">
        <v>404</v>
      </c>
      <c r="B257" t="s">
        <v>414</v>
      </c>
      <c r="C257" t="s">
        <v>271</v>
      </c>
      <c r="D257" s="3">
        <v>6</v>
      </c>
    </row>
    <row r="258" spans="1:4" x14ac:dyDescent="0.25">
      <c r="A258" t="s">
        <v>404</v>
      </c>
      <c r="B258" t="s">
        <v>411</v>
      </c>
      <c r="C258" t="s">
        <v>287</v>
      </c>
      <c r="D258" s="3">
        <v>7</v>
      </c>
    </row>
    <row r="259" spans="1:4" x14ac:dyDescent="0.25">
      <c r="A259" t="s">
        <v>404</v>
      </c>
      <c r="B259" t="s">
        <v>415</v>
      </c>
      <c r="C259" t="s">
        <v>255</v>
      </c>
      <c r="D259" s="3">
        <v>8</v>
      </c>
    </row>
    <row r="260" spans="1:4" x14ac:dyDescent="0.25">
      <c r="A260" t="s">
        <v>404</v>
      </c>
      <c r="B260" t="s">
        <v>413</v>
      </c>
      <c r="C260" t="s">
        <v>89</v>
      </c>
      <c r="D260" s="3">
        <v>9</v>
      </c>
    </row>
    <row r="261" spans="1:4" x14ac:dyDescent="0.25">
      <c r="A261" t="s">
        <v>404</v>
      </c>
      <c r="B261" t="s">
        <v>412</v>
      </c>
      <c r="C261" t="s">
        <v>90</v>
      </c>
      <c r="D261" s="3">
        <v>10</v>
      </c>
    </row>
    <row r="262" spans="1:4" x14ac:dyDescent="0.25">
      <c r="A262" t="s">
        <v>416</v>
      </c>
      <c r="B262" t="s">
        <v>421</v>
      </c>
      <c r="C262" t="s">
        <v>118</v>
      </c>
      <c r="D262" s="3">
        <v>1</v>
      </c>
    </row>
    <row r="263" spans="1:4" x14ac:dyDescent="0.25">
      <c r="A263" t="s">
        <v>416</v>
      </c>
      <c r="B263" t="s">
        <v>420</v>
      </c>
      <c r="C263" t="s">
        <v>120</v>
      </c>
      <c r="D263" s="3">
        <v>2</v>
      </c>
    </row>
    <row r="264" spans="1:4" x14ac:dyDescent="0.25">
      <c r="A264" t="s">
        <v>416</v>
      </c>
      <c r="B264" t="s">
        <v>419</v>
      </c>
      <c r="C264" t="s">
        <v>70</v>
      </c>
      <c r="D264" s="3">
        <v>3</v>
      </c>
    </row>
    <row r="265" spans="1:4" x14ac:dyDescent="0.25">
      <c r="A265" t="s">
        <v>416</v>
      </c>
      <c r="B265" t="s">
        <v>418</v>
      </c>
      <c r="C265" t="s">
        <v>154</v>
      </c>
      <c r="D265" s="3">
        <v>4</v>
      </c>
    </row>
    <row r="266" spans="1:4" x14ac:dyDescent="0.25">
      <c r="A266" t="s">
        <v>416</v>
      </c>
      <c r="B266" t="s">
        <v>417</v>
      </c>
      <c r="C266" t="s">
        <v>230</v>
      </c>
      <c r="D266" s="3">
        <v>5</v>
      </c>
    </row>
    <row r="267" spans="1:4" x14ac:dyDescent="0.25">
      <c r="A267" t="s">
        <v>416</v>
      </c>
      <c r="B267" t="s">
        <v>423</v>
      </c>
      <c r="C267" t="s">
        <v>424</v>
      </c>
      <c r="D267" s="3">
        <v>6</v>
      </c>
    </row>
    <row r="268" spans="1:4" x14ac:dyDescent="0.25">
      <c r="A268" t="s">
        <v>416</v>
      </c>
      <c r="B268" t="s">
        <v>422</v>
      </c>
      <c r="C268" t="s">
        <v>154</v>
      </c>
      <c r="D268" s="3">
        <v>7</v>
      </c>
    </row>
    <row r="269" spans="1:4" x14ac:dyDescent="0.25">
      <c r="A269" t="s">
        <v>416</v>
      </c>
      <c r="B269" t="s">
        <v>427</v>
      </c>
      <c r="C269" t="s">
        <v>17</v>
      </c>
      <c r="D269" s="3">
        <v>8</v>
      </c>
    </row>
    <row r="270" spans="1:4" x14ac:dyDescent="0.25">
      <c r="A270" t="s">
        <v>416</v>
      </c>
      <c r="B270" t="s">
        <v>425</v>
      </c>
      <c r="C270" t="s">
        <v>72</v>
      </c>
      <c r="D270" s="3">
        <v>9</v>
      </c>
    </row>
    <row r="271" spans="1:4" x14ac:dyDescent="0.25">
      <c r="A271" t="s">
        <v>416</v>
      </c>
      <c r="B271" t="s">
        <v>426</v>
      </c>
      <c r="C271" t="s">
        <v>30</v>
      </c>
      <c r="D271" s="3">
        <v>10</v>
      </c>
    </row>
    <row r="272" spans="1:4" x14ac:dyDescent="0.25">
      <c r="A272" t="s">
        <v>428</v>
      </c>
      <c r="B272" t="s">
        <v>433</v>
      </c>
      <c r="C272" t="s">
        <v>17</v>
      </c>
      <c r="D272" s="3">
        <v>1</v>
      </c>
    </row>
    <row r="273" spans="1:4" x14ac:dyDescent="0.25">
      <c r="A273" t="s">
        <v>428</v>
      </c>
      <c r="B273" t="s">
        <v>432</v>
      </c>
      <c r="C273" t="s">
        <v>53</v>
      </c>
      <c r="D273" s="3">
        <v>2</v>
      </c>
    </row>
    <row r="274" spans="1:4" x14ac:dyDescent="0.25">
      <c r="A274" t="s">
        <v>428</v>
      </c>
      <c r="B274" t="s">
        <v>431</v>
      </c>
      <c r="C274" t="s">
        <v>60</v>
      </c>
      <c r="D274" s="3">
        <v>3</v>
      </c>
    </row>
    <row r="275" spans="1:4" x14ac:dyDescent="0.25">
      <c r="A275" t="s">
        <v>428</v>
      </c>
      <c r="B275" t="s">
        <v>430</v>
      </c>
      <c r="C275" t="s">
        <v>145</v>
      </c>
      <c r="D275" s="3">
        <v>4</v>
      </c>
    </row>
    <row r="276" spans="1:4" x14ac:dyDescent="0.25">
      <c r="A276" t="s">
        <v>428</v>
      </c>
      <c r="B276" t="s">
        <v>429</v>
      </c>
      <c r="C276" t="s">
        <v>269</v>
      </c>
      <c r="D276" s="3">
        <v>5</v>
      </c>
    </row>
    <row r="277" spans="1:4" x14ac:dyDescent="0.25">
      <c r="A277" t="s">
        <v>428</v>
      </c>
      <c r="B277" t="s">
        <v>866</v>
      </c>
      <c r="C277" t="s">
        <v>247</v>
      </c>
      <c r="D277" s="3">
        <v>6</v>
      </c>
    </row>
    <row r="278" spans="1:4" x14ac:dyDescent="0.25">
      <c r="A278" t="s">
        <v>428</v>
      </c>
      <c r="B278" t="s">
        <v>865</v>
      </c>
      <c r="C278" t="s">
        <v>104</v>
      </c>
      <c r="D278" s="3">
        <v>7</v>
      </c>
    </row>
    <row r="279" spans="1:4" x14ac:dyDescent="0.25">
      <c r="A279" t="s">
        <v>428</v>
      </c>
      <c r="B279" t="s">
        <v>435</v>
      </c>
      <c r="C279" t="s">
        <v>21</v>
      </c>
      <c r="D279" s="3">
        <v>8</v>
      </c>
    </row>
    <row r="280" spans="1:4" x14ac:dyDescent="0.25">
      <c r="A280" t="s">
        <v>428</v>
      </c>
      <c r="B280" t="s">
        <v>135</v>
      </c>
      <c r="C280" t="s">
        <v>136</v>
      </c>
      <c r="D280" s="3">
        <v>9</v>
      </c>
    </row>
    <row r="281" spans="1:4" x14ac:dyDescent="0.25">
      <c r="A281" t="s">
        <v>428</v>
      </c>
      <c r="B281" t="s">
        <v>434</v>
      </c>
      <c r="C281" t="s">
        <v>159</v>
      </c>
      <c r="D281" s="3">
        <v>10</v>
      </c>
    </row>
    <row r="282" spans="1:4" x14ac:dyDescent="0.25">
      <c r="A282" t="s">
        <v>436</v>
      </c>
      <c r="B282" t="s">
        <v>441</v>
      </c>
      <c r="C282" t="s">
        <v>142</v>
      </c>
      <c r="D282" s="3">
        <v>1</v>
      </c>
    </row>
    <row r="283" spans="1:4" x14ac:dyDescent="0.25">
      <c r="A283" t="s">
        <v>436</v>
      </c>
      <c r="B283" t="s">
        <v>440</v>
      </c>
      <c r="C283" t="s">
        <v>89</v>
      </c>
      <c r="D283" s="3">
        <v>2</v>
      </c>
    </row>
    <row r="284" spans="1:4" x14ac:dyDescent="0.25">
      <c r="A284" t="s">
        <v>436</v>
      </c>
      <c r="B284" t="s">
        <v>439</v>
      </c>
      <c r="C284" t="s">
        <v>144</v>
      </c>
      <c r="D284" s="3">
        <v>3</v>
      </c>
    </row>
    <row r="285" spans="1:4" x14ac:dyDescent="0.25">
      <c r="A285" t="s">
        <v>436</v>
      </c>
      <c r="B285" t="s">
        <v>438</v>
      </c>
      <c r="C285" t="s">
        <v>23</v>
      </c>
      <c r="D285" s="3">
        <v>4</v>
      </c>
    </row>
    <row r="286" spans="1:4" x14ac:dyDescent="0.25">
      <c r="A286" t="s">
        <v>436</v>
      </c>
      <c r="B286" t="s">
        <v>437</v>
      </c>
      <c r="C286" t="s">
        <v>17</v>
      </c>
      <c r="D286" s="3">
        <v>5</v>
      </c>
    </row>
    <row r="287" spans="1:4" x14ac:dyDescent="0.25">
      <c r="A287" t="s">
        <v>436</v>
      </c>
      <c r="B287" t="s">
        <v>443</v>
      </c>
      <c r="C287" t="s">
        <v>47</v>
      </c>
      <c r="D287" s="3">
        <v>6</v>
      </c>
    </row>
    <row r="288" spans="1:4" x14ac:dyDescent="0.25">
      <c r="A288" t="s">
        <v>436</v>
      </c>
      <c r="B288" t="s">
        <v>444</v>
      </c>
      <c r="C288" t="s">
        <v>241</v>
      </c>
      <c r="D288" s="3">
        <v>7</v>
      </c>
    </row>
    <row r="289" spans="1:4" x14ac:dyDescent="0.25">
      <c r="A289" t="s">
        <v>436</v>
      </c>
      <c r="B289" t="s">
        <v>442</v>
      </c>
      <c r="C289" t="s">
        <v>224</v>
      </c>
      <c r="D289" s="3">
        <v>8</v>
      </c>
    </row>
    <row r="290" spans="1:4" x14ac:dyDescent="0.25">
      <c r="A290" t="s">
        <v>436</v>
      </c>
      <c r="B290" t="s">
        <v>446</v>
      </c>
      <c r="C290" t="s">
        <v>186</v>
      </c>
      <c r="D290" s="3">
        <v>9</v>
      </c>
    </row>
    <row r="291" spans="1:4" x14ac:dyDescent="0.25">
      <c r="A291" t="s">
        <v>436</v>
      </c>
      <c r="B291" t="s">
        <v>445</v>
      </c>
      <c r="C291" t="s">
        <v>72</v>
      </c>
      <c r="D291" s="3">
        <v>10</v>
      </c>
    </row>
    <row r="292" spans="1:4" x14ac:dyDescent="0.25">
      <c r="A292" t="s">
        <v>447</v>
      </c>
      <c r="B292" t="s">
        <v>452</v>
      </c>
      <c r="C292" t="s">
        <v>47</v>
      </c>
      <c r="D292" s="3">
        <v>1</v>
      </c>
    </row>
    <row r="293" spans="1:4" x14ac:dyDescent="0.25">
      <c r="A293" t="s">
        <v>447</v>
      </c>
      <c r="B293" t="s">
        <v>451</v>
      </c>
      <c r="C293" t="s">
        <v>70</v>
      </c>
      <c r="D293" s="3">
        <v>2</v>
      </c>
    </row>
    <row r="294" spans="1:4" x14ac:dyDescent="0.25">
      <c r="A294" t="s">
        <v>447</v>
      </c>
      <c r="B294" t="s">
        <v>450</v>
      </c>
      <c r="C294" t="s">
        <v>47</v>
      </c>
      <c r="D294" s="3">
        <v>3</v>
      </c>
    </row>
    <row r="295" spans="1:4" x14ac:dyDescent="0.25">
      <c r="A295" t="s">
        <v>447</v>
      </c>
      <c r="B295" t="s">
        <v>449</v>
      </c>
      <c r="C295" t="s">
        <v>60</v>
      </c>
      <c r="D295" s="3">
        <v>4</v>
      </c>
    </row>
    <row r="296" spans="1:4" x14ac:dyDescent="0.25">
      <c r="A296" t="s">
        <v>447</v>
      </c>
      <c r="B296" t="s">
        <v>448</v>
      </c>
      <c r="C296" t="s">
        <v>120</v>
      </c>
      <c r="D296" s="3">
        <v>5</v>
      </c>
    </row>
    <row r="297" spans="1:4" x14ac:dyDescent="0.25">
      <c r="A297" t="s">
        <v>447</v>
      </c>
      <c r="B297" t="s">
        <v>454</v>
      </c>
      <c r="C297" t="s">
        <v>455</v>
      </c>
      <c r="D297" s="3">
        <v>6</v>
      </c>
    </row>
    <row r="298" spans="1:4" x14ac:dyDescent="0.25">
      <c r="A298" t="s">
        <v>447</v>
      </c>
      <c r="B298" t="s">
        <v>456</v>
      </c>
      <c r="C298" t="s">
        <v>172</v>
      </c>
      <c r="D298" s="3">
        <v>7</v>
      </c>
    </row>
    <row r="299" spans="1:4" x14ac:dyDescent="0.25">
      <c r="A299" t="s">
        <v>447</v>
      </c>
      <c r="B299" t="s">
        <v>458</v>
      </c>
      <c r="C299" t="s">
        <v>44</v>
      </c>
      <c r="D299" s="3">
        <v>8</v>
      </c>
    </row>
    <row r="300" spans="1:4" x14ac:dyDescent="0.25">
      <c r="A300" t="s">
        <v>447</v>
      </c>
      <c r="B300" t="s">
        <v>457</v>
      </c>
      <c r="C300" t="s">
        <v>154</v>
      </c>
      <c r="D300" s="3">
        <v>9</v>
      </c>
    </row>
    <row r="301" spans="1:4" x14ac:dyDescent="0.25">
      <c r="A301" t="s">
        <v>447</v>
      </c>
      <c r="B301" t="s">
        <v>453</v>
      </c>
      <c r="C301" t="s">
        <v>115</v>
      </c>
      <c r="D301" s="3">
        <v>10</v>
      </c>
    </row>
    <row r="302" spans="1:4" x14ac:dyDescent="0.25">
      <c r="A302" t="s">
        <v>459</v>
      </c>
      <c r="B302" t="s">
        <v>464</v>
      </c>
      <c r="C302" t="s">
        <v>154</v>
      </c>
      <c r="D302" s="3">
        <v>1</v>
      </c>
    </row>
    <row r="303" spans="1:4" x14ac:dyDescent="0.25">
      <c r="A303" t="s">
        <v>459</v>
      </c>
      <c r="B303" t="s">
        <v>463</v>
      </c>
      <c r="C303" t="s">
        <v>30</v>
      </c>
      <c r="D303" s="3">
        <v>2</v>
      </c>
    </row>
    <row r="304" spans="1:4" x14ac:dyDescent="0.25">
      <c r="A304" t="s">
        <v>459</v>
      </c>
      <c r="B304" t="s">
        <v>462</v>
      </c>
      <c r="C304" t="s">
        <v>30</v>
      </c>
      <c r="D304" s="3">
        <v>3</v>
      </c>
    </row>
    <row r="305" spans="1:4" x14ac:dyDescent="0.25">
      <c r="A305" t="s">
        <v>459</v>
      </c>
      <c r="B305" t="s">
        <v>461</v>
      </c>
      <c r="C305" t="s">
        <v>17</v>
      </c>
      <c r="D305" s="3">
        <v>4</v>
      </c>
    </row>
    <row r="306" spans="1:4" x14ac:dyDescent="0.25">
      <c r="A306" t="s">
        <v>459</v>
      </c>
      <c r="B306" t="s">
        <v>460</v>
      </c>
      <c r="C306" t="s">
        <v>139</v>
      </c>
      <c r="D306" s="3">
        <v>5</v>
      </c>
    </row>
    <row r="307" spans="1:4" x14ac:dyDescent="0.25">
      <c r="A307" t="s">
        <v>459</v>
      </c>
      <c r="B307" t="s">
        <v>471</v>
      </c>
      <c r="C307" t="s">
        <v>70</v>
      </c>
      <c r="D307" s="3">
        <v>6</v>
      </c>
    </row>
    <row r="308" spans="1:4" x14ac:dyDescent="0.25">
      <c r="A308" t="s">
        <v>459</v>
      </c>
      <c r="B308" t="s">
        <v>467</v>
      </c>
      <c r="C308" t="s">
        <v>468</v>
      </c>
      <c r="D308" s="3">
        <v>7</v>
      </c>
    </row>
    <row r="309" spans="1:4" x14ac:dyDescent="0.25">
      <c r="A309" t="s">
        <v>459</v>
      </c>
      <c r="B309" t="s">
        <v>465</v>
      </c>
      <c r="C309" t="s">
        <v>291</v>
      </c>
      <c r="D309" s="3">
        <v>8</v>
      </c>
    </row>
    <row r="310" spans="1:4" x14ac:dyDescent="0.25">
      <c r="A310" t="s">
        <v>459</v>
      </c>
      <c r="B310" t="s">
        <v>473</v>
      </c>
      <c r="C310" t="s">
        <v>60</v>
      </c>
      <c r="D310" s="3">
        <v>9</v>
      </c>
    </row>
    <row r="311" spans="1:4" x14ac:dyDescent="0.25">
      <c r="A311" t="s">
        <v>459</v>
      </c>
      <c r="B311" t="s">
        <v>466</v>
      </c>
      <c r="C311" t="s">
        <v>39</v>
      </c>
      <c r="D311" s="3">
        <v>10</v>
      </c>
    </row>
    <row r="312" spans="1:4" x14ac:dyDescent="0.25">
      <c r="A312" t="s">
        <v>475</v>
      </c>
      <c r="B312" t="s">
        <v>480</v>
      </c>
      <c r="C312" t="s">
        <v>33</v>
      </c>
      <c r="D312" s="3">
        <v>1</v>
      </c>
    </row>
    <row r="313" spans="1:4" x14ac:dyDescent="0.25">
      <c r="A313" t="s">
        <v>475</v>
      </c>
      <c r="B313" t="s">
        <v>479</v>
      </c>
      <c r="C313" t="s">
        <v>17</v>
      </c>
      <c r="D313" s="3">
        <v>2</v>
      </c>
    </row>
    <row r="314" spans="1:4" x14ac:dyDescent="0.25">
      <c r="A314" t="s">
        <v>475</v>
      </c>
      <c r="B314" t="s">
        <v>478</v>
      </c>
      <c r="C314" t="s">
        <v>269</v>
      </c>
      <c r="D314" s="3">
        <v>3</v>
      </c>
    </row>
    <row r="315" spans="1:4" x14ac:dyDescent="0.25">
      <c r="A315" t="s">
        <v>475</v>
      </c>
      <c r="B315" t="s">
        <v>477</v>
      </c>
      <c r="C315" t="s">
        <v>159</v>
      </c>
      <c r="D315" s="3">
        <v>4</v>
      </c>
    </row>
    <row r="316" spans="1:4" x14ac:dyDescent="0.25">
      <c r="A316" t="s">
        <v>475</v>
      </c>
      <c r="B316" t="s">
        <v>476</v>
      </c>
      <c r="C316" t="s">
        <v>265</v>
      </c>
      <c r="D316" s="3">
        <v>5</v>
      </c>
    </row>
    <row r="317" spans="1:4" x14ac:dyDescent="0.25">
      <c r="A317" t="s">
        <v>475</v>
      </c>
      <c r="B317" t="s">
        <v>485</v>
      </c>
      <c r="C317" t="s">
        <v>17</v>
      </c>
      <c r="D317" s="3">
        <v>6</v>
      </c>
    </row>
    <row r="318" spans="1:4" x14ac:dyDescent="0.25">
      <c r="A318" t="s">
        <v>475</v>
      </c>
      <c r="B318" t="s">
        <v>482</v>
      </c>
      <c r="C318" t="s">
        <v>265</v>
      </c>
      <c r="D318" s="3">
        <v>7</v>
      </c>
    </row>
    <row r="319" spans="1:4" x14ac:dyDescent="0.25">
      <c r="A319" t="s">
        <v>475</v>
      </c>
      <c r="B319" t="s">
        <v>483</v>
      </c>
      <c r="C319" t="s">
        <v>145</v>
      </c>
      <c r="D319" s="3">
        <v>8</v>
      </c>
    </row>
    <row r="320" spans="1:4" x14ac:dyDescent="0.25">
      <c r="A320" t="s">
        <v>475</v>
      </c>
      <c r="B320" t="s">
        <v>484</v>
      </c>
      <c r="C320" t="s">
        <v>108</v>
      </c>
      <c r="D320" s="3">
        <v>9</v>
      </c>
    </row>
    <row r="321" spans="1:4" x14ac:dyDescent="0.25">
      <c r="A321" t="s">
        <v>475</v>
      </c>
      <c r="B321" t="s">
        <v>481</v>
      </c>
      <c r="C321" t="s">
        <v>86</v>
      </c>
      <c r="D321" s="3">
        <v>10</v>
      </c>
    </row>
    <row r="322" spans="1:4" x14ac:dyDescent="0.25">
      <c r="A322" t="s">
        <v>486</v>
      </c>
      <c r="B322" t="s">
        <v>491</v>
      </c>
      <c r="C322" t="s">
        <v>70</v>
      </c>
      <c r="D322" s="3">
        <v>1</v>
      </c>
    </row>
    <row r="323" spans="1:4" x14ac:dyDescent="0.25">
      <c r="A323" t="s">
        <v>486</v>
      </c>
      <c r="B323" t="s">
        <v>490</v>
      </c>
      <c r="C323" t="s">
        <v>61</v>
      </c>
      <c r="D323" s="3">
        <v>2</v>
      </c>
    </row>
    <row r="324" spans="1:4" x14ac:dyDescent="0.25">
      <c r="A324" t="s">
        <v>486</v>
      </c>
      <c r="B324" t="s">
        <v>489</v>
      </c>
      <c r="C324" t="s">
        <v>74</v>
      </c>
      <c r="D324" s="3">
        <v>3</v>
      </c>
    </row>
    <row r="325" spans="1:4" x14ac:dyDescent="0.25">
      <c r="A325" t="s">
        <v>486</v>
      </c>
      <c r="B325" t="s">
        <v>488</v>
      </c>
      <c r="C325" t="s">
        <v>247</v>
      </c>
      <c r="D325" s="3">
        <v>4</v>
      </c>
    </row>
    <row r="326" spans="1:4" x14ac:dyDescent="0.25">
      <c r="A326" t="s">
        <v>486</v>
      </c>
      <c r="B326" t="s">
        <v>487</v>
      </c>
      <c r="C326" t="s">
        <v>17</v>
      </c>
      <c r="D326" s="3">
        <v>5</v>
      </c>
    </row>
    <row r="327" spans="1:4" x14ac:dyDescent="0.25">
      <c r="A327" t="s">
        <v>486</v>
      </c>
      <c r="B327" t="s">
        <v>497</v>
      </c>
      <c r="C327" t="s">
        <v>77</v>
      </c>
      <c r="D327" s="3">
        <v>6</v>
      </c>
    </row>
    <row r="328" spans="1:4" x14ac:dyDescent="0.25">
      <c r="A328" t="s">
        <v>486</v>
      </c>
      <c r="B328" t="s">
        <v>495</v>
      </c>
      <c r="C328" t="s">
        <v>26</v>
      </c>
      <c r="D328" s="3">
        <v>7</v>
      </c>
    </row>
    <row r="329" spans="1:4" x14ac:dyDescent="0.25">
      <c r="A329" t="s">
        <v>486</v>
      </c>
      <c r="B329" t="s">
        <v>494</v>
      </c>
      <c r="C329" t="s">
        <v>8</v>
      </c>
      <c r="D329" s="3">
        <v>8</v>
      </c>
    </row>
    <row r="330" spans="1:4" x14ac:dyDescent="0.25">
      <c r="A330" t="s">
        <v>486</v>
      </c>
      <c r="B330" t="s">
        <v>492</v>
      </c>
      <c r="C330" t="s">
        <v>493</v>
      </c>
      <c r="D330" s="3">
        <v>9</v>
      </c>
    </row>
    <row r="331" spans="1:4" x14ac:dyDescent="0.25">
      <c r="A331" t="s">
        <v>486</v>
      </c>
      <c r="B331" t="s">
        <v>496</v>
      </c>
      <c r="C331" t="s">
        <v>28</v>
      </c>
      <c r="D331" s="3">
        <v>10</v>
      </c>
    </row>
    <row r="332" spans="1:4" x14ac:dyDescent="0.25">
      <c r="A332" t="s">
        <v>498</v>
      </c>
      <c r="B332" t="s">
        <v>504</v>
      </c>
      <c r="C332" t="s">
        <v>33</v>
      </c>
      <c r="D332" s="3">
        <v>1</v>
      </c>
    </row>
    <row r="333" spans="1:4" x14ac:dyDescent="0.25">
      <c r="A333" t="s">
        <v>498</v>
      </c>
      <c r="B333" t="s">
        <v>503</v>
      </c>
      <c r="C333" t="s">
        <v>21</v>
      </c>
      <c r="D333" s="3">
        <v>2</v>
      </c>
    </row>
    <row r="334" spans="1:4" x14ac:dyDescent="0.25">
      <c r="A334" t="s">
        <v>498</v>
      </c>
      <c r="B334" t="s">
        <v>502</v>
      </c>
      <c r="C334" t="s">
        <v>474</v>
      </c>
      <c r="D334" s="3">
        <v>3</v>
      </c>
    </row>
    <row r="335" spans="1:4" x14ac:dyDescent="0.25">
      <c r="A335" t="s">
        <v>498</v>
      </c>
      <c r="B335" t="s">
        <v>501</v>
      </c>
      <c r="C335" t="s">
        <v>17</v>
      </c>
      <c r="D335" s="3">
        <v>4</v>
      </c>
    </row>
    <row r="336" spans="1:4" x14ac:dyDescent="0.25">
      <c r="A336" t="s">
        <v>498</v>
      </c>
      <c r="B336" t="s">
        <v>499</v>
      </c>
      <c r="C336" t="s">
        <v>500</v>
      </c>
      <c r="D336" s="3">
        <v>5</v>
      </c>
    </row>
    <row r="337" spans="1:4" x14ac:dyDescent="0.25">
      <c r="A337" t="s">
        <v>498</v>
      </c>
      <c r="B337" t="s">
        <v>508</v>
      </c>
      <c r="C337" t="s">
        <v>74</v>
      </c>
      <c r="D337" s="3">
        <v>6</v>
      </c>
    </row>
    <row r="338" spans="1:4" x14ac:dyDescent="0.25">
      <c r="A338" t="s">
        <v>498</v>
      </c>
      <c r="B338" t="s">
        <v>506</v>
      </c>
      <c r="C338" t="s">
        <v>241</v>
      </c>
      <c r="D338" s="3">
        <v>7</v>
      </c>
    </row>
    <row r="339" spans="1:4" x14ac:dyDescent="0.25">
      <c r="A339" t="s">
        <v>498</v>
      </c>
      <c r="B339" t="s">
        <v>507</v>
      </c>
      <c r="C339" t="s">
        <v>10</v>
      </c>
      <c r="D339" s="3">
        <v>8</v>
      </c>
    </row>
    <row r="340" spans="1:4" x14ac:dyDescent="0.25">
      <c r="A340" t="s">
        <v>498</v>
      </c>
      <c r="B340" t="s">
        <v>509</v>
      </c>
      <c r="C340" t="s">
        <v>104</v>
      </c>
      <c r="D340" s="3">
        <v>9</v>
      </c>
    </row>
    <row r="341" spans="1:4" x14ac:dyDescent="0.25">
      <c r="A341" t="s">
        <v>498</v>
      </c>
      <c r="B341" t="s">
        <v>505</v>
      </c>
      <c r="C341" t="s">
        <v>33</v>
      </c>
      <c r="D341" s="3">
        <v>10</v>
      </c>
    </row>
    <row r="342" spans="1:4" x14ac:dyDescent="0.25">
      <c r="A342" t="s">
        <v>510</v>
      </c>
      <c r="B342" t="s">
        <v>515</v>
      </c>
      <c r="C342" t="s">
        <v>94</v>
      </c>
      <c r="D342" s="3">
        <v>1</v>
      </c>
    </row>
    <row r="343" spans="1:4" x14ac:dyDescent="0.25">
      <c r="A343" t="s">
        <v>510</v>
      </c>
      <c r="B343" t="s">
        <v>514</v>
      </c>
      <c r="C343" t="s">
        <v>51</v>
      </c>
      <c r="D343" s="3">
        <v>2</v>
      </c>
    </row>
    <row r="344" spans="1:4" x14ac:dyDescent="0.25">
      <c r="A344" t="s">
        <v>510</v>
      </c>
      <c r="B344" t="s">
        <v>513</v>
      </c>
      <c r="C344" t="s">
        <v>30</v>
      </c>
      <c r="D344" s="3">
        <v>3</v>
      </c>
    </row>
    <row r="345" spans="1:4" x14ac:dyDescent="0.25">
      <c r="A345" t="s">
        <v>510</v>
      </c>
      <c r="B345" t="s">
        <v>512</v>
      </c>
      <c r="C345" t="s">
        <v>44</v>
      </c>
      <c r="D345" s="3">
        <v>4</v>
      </c>
    </row>
    <row r="346" spans="1:4" x14ac:dyDescent="0.25">
      <c r="A346" t="s">
        <v>510</v>
      </c>
      <c r="B346" t="s">
        <v>511</v>
      </c>
      <c r="C346" t="s">
        <v>61</v>
      </c>
      <c r="D346" s="3">
        <v>5</v>
      </c>
    </row>
    <row r="347" spans="1:4" x14ac:dyDescent="0.25">
      <c r="A347" t="s">
        <v>510</v>
      </c>
      <c r="B347" t="s">
        <v>516</v>
      </c>
      <c r="C347" t="s">
        <v>77</v>
      </c>
      <c r="D347" s="3">
        <v>6</v>
      </c>
    </row>
    <row r="348" spans="1:4" x14ac:dyDescent="0.25">
      <c r="A348" t="s">
        <v>510</v>
      </c>
      <c r="B348" t="s">
        <v>518</v>
      </c>
      <c r="C348" t="s">
        <v>186</v>
      </c>
      <c r="D348" s="3">
        <v>7</v>
      </c>
    </row>
    <row r="349" spans="1:4" x14ac:dyDescent="0.25">
      <c r="A349" t="s">
        <v>510</v>
      </c>
      <c r="B349" t="s">
        <v>520</v>
      </c>
      <c r="C349" t="s">
        <v>470</v>
      </c>
      <c r="D349" s="3">
        <v>8</v>
      </c>
    </row>
    <row r="350" spans="1:4" x14ac:dyDescent="0.25">
      <c r="A350" t="s">
        <v>510</v>
      </c>
      <c r="B350" t="s">
        <v>517</v>
      </c>
      <c r="C350" t="s">
        <v>186</v>
      </c>
      <c r="D350" s="3">
        <v>9</v>
      </c>
    </row>
    <row r="351" spans="1:4" x14ac:dyDescent="0.25">
      <c r="A351" t="s">
        <v>510</v>
      </c>
      <c r="B351" t="s">
        <v>519</v>
      </c>
      <c r="C351" t="s">
        <v>61</v>
      </c>
      <c r="D351" s="3">
        <v>10</v>
      </c>
    </row>
    <row r="352" spans="1:4" x14ac:dyDescent="0.25">
      <c r="A352" t="s">
        <v>521</v>
      </c>
      <c r="B352" t="s">
        <v>526</v>
      </c>
      <c r="C352" t="s">
        <v>70</v>
      </c>
      <c r="D352" s="3">
        <v>1</v>
      </c>
    </row>
    <row r="353" spans="1:4" x14ac:dyDescent="0.25">
      <c r="A353" t="s">
        <v>521</v>
      </c>
      <c r="B353" t="s">
        <v>525</v>
      </c>
      <c r="C353" t="s">
        <v>120</v>
      </c>
      <c r="D353" s="3">
        <v>2</v>
      </c>
    </row>
    <row r="354" spans="1:4" x14ac:dyDescent="0.25">
      <c r="A354" t="s">
        <v>521</v>
      </c>
      <c r="B354" t="s">
        <v>524</v>
      </c>
      <c r="C354" t="s">
        <v>74</v>
      </c>
      <c r="D354" s="3">
        <v>3</v>
      </c>
    </row>
    <row r="355" spans="1:4" x14ac:dyDescent="0.25">
      <c r="A355" t="s">
        <v>521</v>
      </c>
      <c r="B355" t="s">
        <v>523</v>
      </c>
      <c r="C355" t="s">
        <v>60</v>
      </c>
      <c r="D355" s="3">
        <v>4</v>
      </c>
    </row>
    <row r="356" spans="1:4" x14ac:dyDescent="0.25">
      <c r="A356" t="s">
        <v>521</v>
      </c>
      <c r="B356" t="s">
        <v>522</v>
      </c>
      <c r="C356" t="s">
        <v>60</v>
      </c>
      <c r="D356" s="3">
        <v>5</v>
      </c>
    </row>
    <row r="357" spans="1:4" x14ac:dyDescent="0.25">
      <c r="A357" t="s">
        <v>521</v>
      </c>
      <c r="B357" t="s">
        <v>528</v>
      </c>
      <c r="C357" t="s">
        <v>85</v>
      </c>
      <c r="D357" s="3">
        <v>6</v>
      </c>
    </row>
    <row r="358" spans="1:4" x14ac:dyDescent="0.25">
      <c r="A358" t="s">
        <v>521</v>
      </c>
      <c r="B358" t="s">
        <v>527</v>
      </c>
      <c r="C358" t="s">
        <v>301</v>
      </c>
      <c r="D358" s="3">
        <v>7</v>
      </c>
    </row>
    <row r="359" spans="1:4" x14ac:dyDescent="0.25">
      <c r="A359" t="s">
        <v>521</v>
      </c>
      <c r="B359" t="s">
        <v>531</v>
      </c>
      <c r="C359" t="s">
        <v>17</v>
      </c>
      <c r="D359" s="3">
        <v>8</v>
      </c>
    </row>
    <row r="360" spans="1:4" x14ac:dyDescent="0.25">
      <c r="A360" t="s">
        <v>521</v>
      </c>
      <c r="B360" t="s">
        <v>530</v>
      </c>
      <c r="C360" t="s">
        <v>36</v>
      </c>
      <c r="D360" s="3">
        <v>9</v>
      </c>
    </row>
    <row r="361" spans="1:4" x14ac:dyDescent="0.25">
      <c r="A361" t="s">
        <v>521</v>
      </c>
      <c r="B361" t="s">
        <v>529</v>
      </c>
      <c r="C361" t="s">
        <v>124</v>
      </c>
      <c r="D361" s="3">
        <v>10</v>
      </c>
    </row>
    <row r="362" spans="1:4" x14ac:dyDescent="0.25">
      <c r="A362" t="s">
        <v>532</v>
      </c>
      <c r="B362" t="s">
        <v>537</v>
      </c>
      <c r="C362" t="s">
        <v>70</v>
      </c>
      <c r="D362" s="3">
        <v>1</v>
      </c>
    </row>
    <row r="363" spans="1:4" x14ac:dyDescent="0.25">
      <c r="A363" t="s">
        <v>532</v>
      </c>
      <c r="B363" t="s">
        <v>536</v>
      </c>
      <c r="C363" t="s">
        <v>25</v>
      </c>
      <c r="D363" s="3">
        <v>2</v>
      </c>
    </row>
    <row r="364" spans="1:4" x14ac:dyDescent="0.25">
      <c r="A364" t="s">
        <v>532</v>
      </c>
      <c r="B364" t="s">
        <v>535</v>
      </c>
      <c r="C364" t="s">
        <v>53</v>
      </c>
      <c r="D364" s="3">
        <v>3</v>
      </c>
    </row>
    <row r="365" spans="1:4" x14ac:dyDescent="0.25">
      <c r="A365" t="s">
        <v>532</v>
      </c>
      <c r="B365" t="s">
        <v>534</v>
      </c>
      <c r="C365" t="s">
        <v>17</v>
      </c>
      <c r="D365" s="3">
        <v>4</v>
      </c>
    </row>
    <row r="366" spans="1:4" x14ac:dyDescent="0.25">
      <c r="A366" t="s">
        <v>532</v>
      </c>
      <c r="B366" t="s">
        <v>533</v>
      </c>
      <c r="C366" t="s">
        <v>224</v>
      </c>
      <c r="D366" s="3">
        <v>5</v>
      </c>
    </row>
    <row r="367" spans="1:4" x14ac:dyDescent="0.25">
      <c r="A367" t="s">
        <v>532</v>
      </c>
      <c r="B367" t="s">
        <v>539</v>
      </c>
      <c r="C367" t="s">
        <v>39</v>
      </c>
      <c r="D367" s="3">
        <v>6</v>
      </c>
    </row>
    <row r="368" spans="1:4" x14ac:dyDescent="0.25">
      <c r="A368" t="s">
        <v>532</v>
      </c>
      <c r="B368" t="s">
        <v>540</v>
      </c>
      <c r="C368" t="s">
        <v>17</v>
      </c>
      <c r="D368" s="3">
        <v>7</v>
      </c>
    </row>
    <row r="369" spans="1:4" x14ac:dyDescent="0.25">
      <c r="A369" t="s">
        <v>532</v>
      </c>
      <c r="B369" t="s">
        <v>541</v>
      </c>
      <c r="C369" t="s">
        <v>116</v>
      </c>
      <c r="D369" s="3">
        <v>8</v>
      </c>
    </row>
    <row r="370" spans="1:4" x14ac:dyDescent="0.25">
      <c r="A370" t="s">
        <v>532</v>
      </c>
      <c r="B370" t="s">
        <v>542</v>
      </c>
      <c r="C370" t="s">
        <v>75</v>
      </c>
      <c r="D370" s="3">
        <v>9</v>
      </c>
    </row>
    <row r="371" spans="1:4" x14ac:dyDescent="0.25">
      <c r="A371" t="s">
        <v>532</v>
      </c>
      <c r="B371" t="s">
        <v>538</v>
      </c>
      <c r="C371" t="s">
        <v>10</v>
      </c>
      <c r="D371" s="3">
        <v>10</v>
      </c>
    </row>
    <row r="372" spans="1:4" x14ac:dyDescent="0.25">
      <c r="A372" t="s">
        <v>543</v>
      </c>
      <c r="B372" t="s">
        <v>548</v>
      </c>
      <c r="C372" t="s">
        <v>39</v>
      </c>
      <c r="D372" s="3">
        <v>1</v>
      </c>
    </row>
    <row r="373" spans="1:4" x14ac:dyDescent="0.25">
      <c r="A373" t="s">
        <v>543</v>
      </c>
      <c r="B373" t="s">
        <v>547</v>
      </c>
      <c r="C373" t="s">
        <v>39</v>
      </c>
      <c r="D373" s="3">
        <v>2</v>
      </c>
    </row>
    <row r="374" spans="1:4" x14ac:dyDescent="0.25">
      <c r="A374" t="s">
        <v>543</v>
      </c>
      <c r="B374" t="s">
        <v>546</v>
      </c>
      <c r="C374" t="s">
        <v>186</v>
      </c>
      <c r="D374" s="3">
        <v>3</v>
      </c>
    </row>
    <row r="375" spans="1:4" x14ac:dyDescent="0.25">
      <c r="A375" t="s">
        <v>543</v>
      </c>
      <c r="B375" t="s">
        <v>545</v>
      </c>
      <c r="C375" t="s">
        <v>60</v>
      </c>
      <c r="D375" s="3">
        <v>4</v>
      </c>
    </row>
    <row r="376" spans="1:4" x14ac:dyDescent="0.25">
      <c r="A376" t="s">
        <v>543</v>
      </c>
      <c r="B376" t="s">
        <v>544</v>
      </c>
      <c r="C376" t="s">
        <v>70</v>
      </c>
      <c r="D376" s="3">
        <v>5</v>
      </c>
    </row>
    <row r="377" spans="1:4" x14ac:dyDescent="0.25">
      <c r="A377" t="s">
        <v>543</v>
      </c>
      <c r="B377" t="s">
        <v>549</v>
      </c>
      <c r="C377" t="s">
        <v>85</v>
      </c>
      <c r="D377" s="3">
        <v>6</v>
      </c>
    </row>
    <row r="378" spans="1:4" x14ac:dyDescent="0.25">
      <c r="A378" t="s">
        <v>543</v>
      </c>
      <c r="B378" t="s">
        <v>551</v>
      </c>
      <c r="C378" t="s">
        <v>39</v>
      </c>
      <c r="D378" s="3">
        <v>7</v>
      </c>
    </row>
    <row r="379" spans="1:4" x14ac:dyDescent="0.25">
      <c r="A379" t="s">
        <v>543</v>
      </c>
      <c r="B379" t="s">
        <v>552</v>
      </c>
      <c r="C379" t="s">
        <v>70</v>
      </c>
      <c r="D379" s="3">
        <v>8</v>
      </c>
    </row>
    <row r="380" spans="1:4" x14ac:dyDescent="0.25">
      <c r="A380" t="s">
        <v>543</v>
      </c>
      <c r="B380" t="s">
        <v>553</v>
      </c>
      <c r="C380" t="s">
        <v>224</v>
      </c>
      <c r="D380" s="3">
        <v>9</v>
      </c>
    </row>
    <row r="381" spans="1:4" x14ac:dyDescent="0.25">
      <c r="A381" t="s">
        <v>543</v>
      </c>
      <c r="B381" t="s">
        <v>550</v>
      </c>
      <c r="C381" t="s">
        <v>17</v>
      </c>
      <c r="D381" s="3">
        <v>10</v>
      </c>
    </row>
    <row r="382" spans="1:4" x14ac:dyDescent="0.25">
      <c r="A382" t="s">
        <v>554</v>
      </c>
      <c r="B382" t="s">
        <v>559</v>
      </c>
      <c r="C382" t="s">
        <v>30</v>
      </c>
      <c r="D382" s="3">
        <v>1</v>
      </c>
    </row>
    <row r="383" spans="1:4" x14ac:dyDescent="0.25">
      <c r="A383" t="s">
        <v>554</v>
      </c>
      <c r="B383" t="s">
        <v>558</v>
      </c>
      <c r="C383" t="s">
        <v>23</v>
      </c>
      <c r="D383" s="3">
        <v>2</v>
      </c>
    </row>
    <row r="384" spans="1:4" x14ac:dyDescent="0.25">
      <c r="A384" t="s">
        <v>554</v>
      </c>
      <c r="B384" t="s">
        <v>557</v>
      </c>
      <c r="C384" t="s">
        <v>30</v>
      </c>
      <c r="D384" s="3">
        <v>3</v>
      </c>
    </row>
    <row r="385" spans="1:4" x14ac:dyDescent="0.25">
      <c r="A385" t="s">
        <v>554</v>
      </c>
      <c r="B385" t="s">
        <v>556</v>
      </c>
      <c r="C385" t="s">
        <v>186</v>
      </c>
      <c r="D385" s="3">
        <v>4</v>
      </c>
    </row>
    <row r="386" spans="1:4" x14ac:dyDescent="0.25">
      <c r="A386" t="s">
        <v>554</v>
      </c>
      <c r="B386" t="s">
        <v>555</v>
      </c>
      <c r="C386" t="s">
        <v>186</v>
      </c>
      <c r="D386" s="3">
        <v>5</v>
      </c>
    </row>
    <row r="387" spans="1:4" x14ac:dyDescent="0.25">
      <c r="A387" t="s">
        <v>554</v>
      </c>
      <c r="B387" t="s">
        <v>560</v>
      </c>
      <c r="C387" t="s">
        <v>17</v>
      </c>
      <c r="D387" s="3">
        <v>6</v>
      </c>
    </row>
    <row r="388" spans="1:4" x14ac:dyDescent="0.25">
      <c r="A388" t="s">
        <v>554</v>
      </c>
      <c r="B388" t="s">
        <v>562</v>
      </c>
      <c r="C388" t="s">
        <v>117</v>
      </c>
      <c r="D388" s="3">
        <v>7</v>
      </c>
    </row>
    <row r="389" spans="1:4" x14ac:dyDescent="0.25">
      <c r="A389" t="s">
        <v>554</v>
      </c>
      <c r="B389" t="s">
        <v>561</v>
      </c>
      <c r="C389" t="s">
        <v>21</v>
      </c>
      <c r="D389" s="3">
        <v>8</v>
      </c>
    </row>
    <row r="390" spans="1:4" x14ac:dyDescent="0.25">
      <c r="A390" t="s">
        <v>554</v>
      </c>
      <c r="B390" t="s">
        <v>563</v>
      </c>
      <c r="C390" t="s">
        <v>70</v>
      </c>
      <c r="D390" s="3">
        <v>9</v>
      </c>
    </row>
    <row r="391" spans="1:4" x14ac:dyDescent="0.25">
      <c r="A391" t="s">
        <v>554</v>
      </c>
      <c r="B391" t="s">
        <v>564</v>
      </c>
      <c r="C391" t="s">
        <v>565</v>
      </c>
      <c r="D391" s="3">
        <v>10</v>
      </c>
    </row>
    <row r="392" spans="1:4" x14ac:dyDescent="0.25">
      <c r="A392" t="s">
        <v>566</v>
      </c>
      <c r="B392" t="s">
        <v>571</v>
      </c>
      <c r="C392" t="s">
        <v>17</v>
      </c>
      <c r="D392" s="3">
        <v>1</v>
      </c>
    </row>
    <row r="393" spans="1:4" x14ac:dyDescent="0.25">
      <c r="A393" t="s">
        <v>566</v>
      </c>
      <c r="B393" t="s">
        <v>570</v>
      </c>
      <c r="C393" t="s">
        <v>235</v>
      </c>
      <c r="D393" s="3">
        <v>2</v>
      </c>
    </row>
    <row r="394" spans="1:4" x14ac:dyDescent="0.25">
      <c r="A394" t="s">
        <v>566</v>
      </c>
      <c r="B394" t="s">
        <v>569</v>
      </c>
      <c r="C394" t="s">
        <v>17</v>
      </c>
      <c r="D394" s="3">
        <v>3</v>
      </c>
    </row>
    <row r="395" spans="1:4" x14ac:dyDescent="0.25">
      <c r="A395" t="s">
        <v>566</v>
      </c>
      <c r="B395" t="s">
        <v>568</v>
      </c>
      <c r="C395" t="s">
        <v>81</v>
      </c>
      <c r="D395" s="3">
        <v>4</v>
      </c>
    </row>
    <row r="396" spans="1:4" x14ac:dyDescent="0.25">
      <c r="A396" t="s">
        <v>566</v>
      </c>
      <c r="B396" t="s">
        <v>567</v>
      </c>
      <c r="C396" t="s">
        <v>61</v>
      </c>
      <c r="D396" s="3">
        <v>5</v>
      </c>
    </row>
    <row r="397" spans="1:4" x14ac:dyDescent="0.25">
      <c r="A397" t="s">
        <v>566</v>
      </c>
      <c r="B397" t="s">
        <v>575</v>
      </c>
      <c r="C397" t="s">
        <v>99</v>
      </c>
      <c r="D397" s="3">
        <v>6</v>
      </c>
    </row>
    <row r="398" spans="1:4" x14ac:dyDescent="0.25">
      <c r="A398" t="s">
        <v>566</v>
      </c>
      <c r="B398" t="s">
        <v>577</v>
      </c>
      <c r="C398" t="s">
        <v>58</v>
      </c>
      <c r="D398" s="3">
        <v>7</v>
      </c>
    </row>
    <row r="399" spans="1:4" x14ac:dyDescent="0.25">
      <c r="A399" t="s">
        <v>566</v>
      </c>
      <c r="B399" t="s">
        <v>576</v>
      </c>
      <c r="C399" t="s">
        <v>34</v>
      </c>
      <c r="D399" s="3">
        <v>8</v>
      </c>
    </row>
    <row r="400" spans="1:4" x14ac:dyDescent="0.25">
      <c r="A400" t="s">
        <v>566</v>
      </c>
      <c r="B400" t="s">
        <v>573</v>
      </c>
      <c r="C400" t="s">
        <v>17</v>
      </c>
      <c r="D400" s="3">
        <v>9</v>
      </c>
    </row>
    <row r="401" spans="1:4" x14ac:dyDescent="0.25">
      <c r="A401" t="s">
        <v>566</v>
      </c>
      <c r="B401" t="s">
        <v>574</v>
      </c>
      <c r="C401" t="s">
        <v>124</v>
      </c>
      <c r="D401" s="3">
        <v>10</v>
      </c>
    </row>
    <row r="402" spans="1:4" x14ac:dyDescent="0.25">
      <c r="A402" t="s">
        <v>578</v>
      </c>
      <c r="B402" t="s">
        <v>583</v>
      </c>
      <c r="C402" t="s">
        <v>493</v>
      </c>
      <c r="D402" s="3">
        <v>1</v>
      </c>
    </row>
    <row r="403" spans="1:4" x14ac:dyDescent="0.25">
      <c r="A403" t="s">
        <v>578</v>
      </c>
      <c r="B403" t="s">
        <v>582</v>
      </c>
      <c r="C403" t="s">
        <v>104</v>
      </c>
      <c r="D403" s="3">
        <v>2</v>
      </c>
    </row>
    <row r="404" spans="1:4" x14ac:dyDescent="0.25">
      <c r="A404" t="s">
        <v>578</v>
      </c>
      <c r="B404" t="s">
        <v>581</v>
      </c>
      <c r="C404" t="s">
        <v>24</v>
      </c>
      <c r="D404" s="3">
        <v>3</v>
      </c>
    </row>
    <row r="405" spans="1:4" x14ac:dyDescent="0.25">
      <c r="A405" t="s">
        <v>578</v>
      </c>
      <c r="B405" t="s">
        <v>580</v>
      </c>
      <c r="C405" t="s">
        <v>200</v>
      </c>
      <c r="D405" s="3">
        <v>4</v>
      </c>
    </row>
    <row r="406" spans="1:4" x14ac:dyDescent="0.25">
      <c r="A406" t="s">
        <v>578</v>
      </c>
      <c r="B406" t="s">
        <v>579</v>
      </c>
      <c r="C406" t="s">
        <v>124</v>
      </c>
      <c r="D406" s="3">
        <v>5</v>
      </c>
    </row>
    <row r="407" spans="1:4" x14ac:dyDescent="0.25">
      <c r="A407" t="s">
        <v>578</v>
      </c>
      <c r="B407" t="s">
        <v>586</v>
      </c>
      <c r="C407" t="s">
        <v>70</v>
      </c>
      <c r="D407" s="3">
        <v>6</v>
      </c>
    </row>
    <row r="408" spans="1:4" x14ac:dyDescent="0.25">
      <c r="A408" t="s">
        <v>578</v>
      </c>
      <c r="B408" t="s">
        <v>588</v>
      </c>
      <c r="C408" t="s">
        <v>8</v>
      </c>
      <c r="D408" s="3">
        <v>7</v>
      </c>
    </row>
    <row r="409" spans="1:4" x14ac:dyDescent="0.25">
      <c r="A409" t="s">
        <v>578</v>
      </c>
      <c r="B409" t="s">
        <v>584</v>
      </c>
      <c r="C409" t="s">
        <v>74</v>
      </c>
      <c r="D409" s="3">
        <v>8</v>
      </c>
    </row>
    <row r="410" spans="1:4" x14ac:dyDescent="0.25">
      <c r="A410" t="s">
        <v>578</v>
      </c>
      <c r="B410" t="s">
        <v>589</v>
      </c>
      <c r="C410" t="s">
        <v>88</v>
      </c>
      <c r="D410" s="3">
        <v>9</v>
      </c>
    </row>
    <row r="411" spans="1:4" x14ac:dyDescent="0.25">
      <c r="A411" t="s">
        <v>578</v>
      </c>
      <c r="B411" t="s">
        <v>585</v>
      </c>
      <c r="C411" t="s">
        <v>159</v>
      </c>
      <c r="D411" s="3">
        <v>10</v>
      </c>
    </row>
    <row r="412" spans="1:4" x14ac:dyDescent="0.25">
      <c r="A412" t="s">
        <v>590</v>
      </c>
      <c r="B412" t="s">
        <v>595</v>
      </c>
      <c r="C412" t="s">
        <v>25</v>
      </c>
      <c r="D412" s="3">
        <v>1</v>
      </c>
    </row>
    <row r="413" spans="1:4" x14ac:dyDescent="0.25">
      <c r="A413" t="s">
        <v>590</v>
      </c>
      <c r="B413" t="s">
        <v>594</v>
      </c>
      <c r="C413" t="s">
        <v>572</v>
      </c>
      <c r="D413" s="3">
        <v>2</v>
      </c>
    </row>
    <row r="414" spans="1:4" x14ac:dyDescent="0.25">
      <c r="A414" t="s">
        <v>590</v>
      </c>
      <c r="B414" t="s">
        <v>593</v>
      </c>
      <c r="C414" t="s">
        <v>30</v>
      </c>
      <c r="D414" s="3">
        <v>3</v>
      </c>
    </row>
    <row r="415" spans="1:4" x14ac:dyDescent="0.25">
      <c r="A415" t="s">
        <v>590</v>
      </c>
      <c r="B415" t="s">
        <v>592</v>
      </c>
      <c r="C415" t="s">
        <v>70</v>
      </c>
      <c r="D415" s="3">
        <v>4</v>
      </c>
    </row>
    <row r="416" spans="1:4" x14ac:dyDescent="0.25">
      <c r="A416" t="s">
        <v>590</v>
      </c>
      <c r="B416" t="s">
        <v>591</v>
      </c>
      <c r="C416" t="s">
        <v>255</v>
      </c>
      <c r="D416" s="3">
        <v>5</v>
      </c>
    </row>
    <row r="417" spans="1:4" x14ac:dyDescent="0.25">
      <c r="A417" t="s">
        <v>590</v>
      </c>
      <c r="B417" t="s">
        <v>596</v>
      </c>
      <c r="C417" t="s">
        <v>110</v>
      </c>
      <c r="D417" s="3">
        <v>6</v>
      </c>
    </row>
    <row r="418" spans="1:4" x14ac:dyDescent="0.25">
      <c r="A418" t="s">
        <v>590</v>
      </c>
      <c r="B418" t="s">
        <v>599</v>
      </c>
      <c r="C418" t="s">
        <v>60</v>
      </c>
      <c r="D418" s="3">
        <v>7</v>
      </c>
    </row>
    <row r="419" spans="1:4" x14ac:dyDescent="0.25">
      <c r="A419" t="s">
        <v>590</v>
      </c>
      <c r="B419" t="s">
        <v>597</v>
      </c>
      <c r="C419" t="s">
        <v>188</v>
      </c>
      <c r="D419" s="3">
        <v>8</v>
      </c>
    </row>
    <row r="420" spans="1:4" x14ac:dyDescent="0.25">
      <c r="A420" t="s">
        <v>590</v>
      </c>
      <c r="B420" t="s">
        <v>598</v>
      </c>
      <c r="C420" t="s">
        <v>61</v>
      </c>
      <c r="D420" s="3">
        <v>9</v>
      </c>
    </row>
    <row r="421" spans="1:4" x14ac:dyDescent="0.25">
      <c r="A421" t="s">
        <v>590</v>
      </c>
      <c r="B421" t="s">
        <v>600</v>
      </c>
      <c r="C421" t="s">
        <v>287</v>
      </c>
      <c r="D421" s="3">
        <v>10</v>
      </c>
    </row>
    <row r="422" spans="1:4" x14ac:dyDescent="0.25">
      <c r="A422" t="s">
        <v>601</v>
      </c>
      <c r="B422" t="s">
        <v>606</v>
      </c>
      <c r="C422" t="s">
        <v>389</v>
      </c>
      <c r="D422" s="3">
        <v>1</v>
      </c>
    </row>
    <row r="423" spans="1:4" x14ac:dyDescent="0.25">
      <c r="A423" t="s">
        <v>601</v>
      </c>
      <c r="B423" t="s">
        <v>605</v>
      </c>
      <c r="C423" t="s">
        <v>77</v>
      </c>
      <c r="D423" s="3">
        <v>2</v>
      </c>
    </row>
    <row r="424" spans="1:4" x14ac:dyDescent="0.25">
      <c r="A424" t="s">
        <v>601</v>
      </c>
      <c r="B424" t="s">
        <v>604</v>
      </c>
      <c r="C424" t="s">
        <v>90</v>
      </c>
      <c r="D424" s="3">
        <v>3</v>
      </c>
    </row>
    <row r="425" spans="1:4" x14ac:dyDescent="0.25">
      <c r="A425" t="s">
        <v>601</v>
      </c>
      <c r="B425" t="s">
        <v>603</v>
      </c>
      <c r="C425" t="s">
        <v>493</v>
      </c>
      <c r="D425" s="3">
        <v>4</v>
      </c>
    </row>
    <row r="426" spans="1:4" x14ac:dyDescent="0.25">
      <c r="A426" t="s">
        <v>601</v>
      </c>
      <c r="B426" t="s">
        <v>602</v>
      </c>
      <c r="C426" t="s">
        <v>112</v>
      </c>
      <c r="D426" s="3">
        <v>5</v>
      </c>
    </row>
    <row r="427" spans="1:4" x14ac:dyDescent="0.25">
      <c r="A427" t="s">
        <v>601</v>
      </c>
      <c r="B427" t="s">
        <v>608</v>
      </c>
      <c r="C427" t="s">
        <v>371</v>
      </c>
      <c r="D427" s="3">
        <v>6</v>
      </c>
    </row>
    <row r="428" spans="1:4" x14ac:dyDescent="0.25">
      <c r="A428" t="s">
        <v>601</v>
      </c>
      <c r="B428" t="s">
        <v>609</v>
      </c>
      <c r="C428" t="s">
        <v>265</v>
      </c>
      <c r="D428" s="3">
        <v>7</v>
      </c>
    </row>
    <row r="429" spans="1:4" x14ac:dyDescent="0.25">
      <c r="A429" t="s">
        <v>601</v>
      </c>
      <c r="B429" t="s">
        <v>607</v>
      </c>
      <c r="C429" t="s">
        <v>23</v>
      </c>
      <c r="D429" s="3">
        <v>8</v>
      </c>
    </row>
    <row r="430" spans="1:4" x14ac:dyDescent="0.25">
      <c r="A430" t="s">
        <v>601</v>
      </c>
      <c r="B430" t="s">
        <v>610</v>
      </c>
      <c r="C430" t="s">
        <v>58</v>
      </c>
      <c r="D430" s="3">
        <v>9</v>
      </c>
    </row>
    <row r="431" spans="1:4" x14ac:dyDescent="0.25">
      <c r="A431" t="s">
        <v>601</v>
      </c>
      <c r="B431" t="s">
        <v>611</v>
      </c>
      <c r="C431" t="s">
        <v>90</v>
      </c>
      <c r="D431" s="3">
        <v>10</v>
      </c>
    </row>
    <row r="432" spans="1:4" x14ac:dyDescent="0.25">
      <c r="A432" t="s">
        <v>612</v>
      </c>
      <c r="B432" t="s">
        <v>616</v>
      </c>
      <c r="C432" t="s">
        <v>120</v>
      </c>
      <c r="D432" s="3">
        <v>1</v>
      </c>
    </row>
    <row r="433" spans="1:4" x14ac:dyDescent="0.25">
      <c r="A433" t="s">
        <v>612</v>
      </c>
      <c r="B433" t="s">
        <v>615</v>
      </c>
      <c r="C433" t="s">
        <v>186</v>
      </c>
      <c r="D433" s="3">
        <v>2</v>
      </c>
    </row>
    <row r="434" spans="1:4" x14ac:dyDescent="0.25">
      <c r="A434" t="s">
        <v>612</v>
      </c>
      <c r="B434" t="s">
        <v>614</v>
      </c>
      <c r="C434" t="s">
        <v>68</v>
      </c>
      <c r="D434" s="3">
        <v>3</v>
      </c>
    </row>
    <row r="435" spans="1:4" x14ac:dyDescent="0.25">
      <c r="A435" t="s">
        <v>612</v>
      </c>
      <c r="B435" t="s">
        <v>613</v>
      </c>
      <c r="C435" t="s">
        <v>25</v>
      </c>
      <c r="D435" s="3">
        <v>4</v>
      </c>
    </row>
    <row r="436" spans="1:4" x14ac:dyDescent="0.25">
      <c r="A436" t="s">
        <v>612</v>
      </c>
      <c r="B436" t="s">
        <v>138</v>
      </c>
      <c r="C436" t="s">
        <v>29</v>
      </c>
      <c r="D436" s="3">
        <v>5</v>
      </c>
    </row>
    <row r="437" spans="1:4" x14ac:dyDescent="0.25">
      <c r="A437" t="s">
        <v>612</v>
      </c>
      <c r="B437" t="s">
        <v>619</v>
      </c>
      <c r="C437" t="s">
        <v>186</v>
      </c>
      <c r="D437" s="3">
        <v>6</v>
      </c>
    </row>
    <row r="438" spans="1:4" x14ac:dyDescent="0.25">
      <c r="A438" t="s">
        <v>612</v>
      </c>
      <c r="B438" t="s">
        <v>620</v>
      </c>
      <c r="C438" t="s">
        <v>17</v>
      </c>
      <c r="D438" s="3">
        <v>7</v>
      </c>
    </row>
    <row r="439" spans="1:4" x14ac:dyDescent="0.25">
      <c r="A439" t="s">
        <v>612</v>
      </c>
      <c r="B439" t="s">
        <v>617</v>
      </c>
      <c r="C439" t="s">
        <v>58</v>
      </c>
      <c r="D439" s="3">
        <v>8</v>
      </c>
    </row>
    <row r="440" spans="1:4" x14ac:dyDescent="0.25">
      <c r="A440" t="s">
        <v>612</v>
      </c>
      <c r="B440" t="s">
        <v>621</v>
      </c>
      <c r="C440" t="s">
        <v>104</v>
      </c>
      <c r="D440" s="3">
        <v>9</v>
      </c>
    </row>
    <row r="441" spans="1:4" x14ac:dyDescent="0.25">
      <c r="A441" t="s">
        <v>612</v>
      </c>
      <c r="B441" t="s">
        <v>618</v>
      </c>
      <c r="C441" t="s">
        <v>330</v>
      </c>
      <c r="D441" s="3">
        <v>10</v>
      </c>
    </row>
    <row r="442" spans="1:4" x14ac:dyDescent="0.25">
      <c r="A442" t="s">
        <v>622</v>
      </c>
      <c r="B442" t="s">
        <v>627</v>
      </c>
      <c r="C442" t="s">
        <v>108</v>
      </c>
      <c r="D442" s="3">
        <v>1</v>
      </c>
    </row>
    <row r="443" spans="1:4" x14ac:dyDescent="0.25">
      <c r="A443" t="s">
        <v>622</v>
      </c>
      <c r="B443" t="s">
        <v>626</v>
      </c>
      <c r="C443" t="s">
        <v>195</v>
      </c>
      <c r="D443" s="3">
        <v>2</v>
      </c>
    </row>
    <row r="444" spans="1:4" x14ac:dyDescent="0.25">
      <c r="A444" t="s">
        <v>622</v>
      </c>
      <c r="B444" t="s">
        <v>625</v>
      </c>
      <c r="C444" t="s">
        <v>195</v>
      </c>
      <c r="D444" s="3">
        <v>3</v>
      </c>
    </row>
    <row r="445" spans="1:4" x14ac:dyDescent="0.25">
      <c r="A445" t="s">
        <v>622</v>
      </c>
      <c r="B445" t="s">
        <v>624</v>
      </c>
      <c r="C445" t="s">
        <v>24</v>
      </c>
      <c r="D445" s="3">
        <v>4</v>
      </c>
    </row>
    <row r="446" spans="1:4" x14ac:dyDescent="0.25">
      <c r="A446" t="s">
        <v>622</v>
      </c>
      <c r="B446" t="s">
        <v>623</v>
      </c>
      <c r="C446" t="s">
        <v>118</v>
      </c>
      <c r="D446" s="3">
        <v>5</v>
      </c>
    </row>
    <row r="447" spans="1:4" x14ac:dyDescent="0.25">
      <c r="A447" t="s">
        <v>622</v>
      </c>
      <c r="B447" t="s">
        <v>630</v>
      </c>
      <c r="C447" t="s">
        <v>51</v>
      </c>
      <c r="D447" s="3">
        <v>6</v>
      </c>
    </row>
    <row r="448" spans="1:4" x14ac:dyDescent="0.25">
      <c r="A448" t="s">
        <v>622</v>
      </c>
      <c r="B448" t="s">
        <v>632</v>
      </c>
      <c r="C448" t="s">
        <v>633</v>
      </c>
      <c r="D448" s="3">
        <v>7</v>
      </c>
    </row>
    <row r="449" spans="1:4" x14ac:dyDescent="0.25">
      <c r="A449" t="s">
        <v>622</v>
      </c>
      <c r="B449" t="s">
        <v>628</v>
      </c>
      <c r="C449" t="s">
        <v>90</v>
      </c>
      <c r="D449" s="3">
        <v>8</v>
      </c>
    </row>
    <row r="450" spans="1:4" x14ac:dyDescent="0.25">
      <c r="A450" t="s">
        <v>622</v>
      </c>
      <c r="B450" t="s">
        <v>629</v>
      </c>
      <c r="C450" t="s">
        <v>117</v>
      </c>
      <c r="D450" s="3">
        <v>9</v>
      </c>
    </row>
    <row r="451" spans="1:4" x14ac:dyDescent="0.25">
      <c r="A451" t="s">
        <v>622</v>
      </c>
      <c r="B451" t="s">
        <v>631</v>
      </c>
      <c r="C451" t="s">
        <v>329</v>
      </c>
      <c r="D451" s="3">
        <v>10</v>
      </c>
    </row>
    <row r="452" spans="1:4" x14ac:dyDescent="0.25">
      <c r="A452" t="s">
        <v>634</v>
      </c>
      <c r="B452" t="s">
        <v>639</v>
      </c>
      <c r="C452" t="s">
        <v>159</v>
      </c>
      <c r="D452" s="3">
        <v>1</v>
      </c>
    </row>
    <row r="453" spans="1:4" x14ac:dyDescent="0.25">
      <c r="A453" t="s">
        <v>634</v>
      </c>
      <c r="B453" t="s">
        <v>638</v>
      </c>
      <c r="C453" t="s">
        <v>17</v>
      </c>
      <c r="D453" s="3">
        <v>2</v>
      </c>
    </row>
    <row r="454" spans="1:4" x14ac:dyDescent="0.25">
      <c r="A454" t="s">
        <v>634</v>
      </c>
      <c r="B454" t="s">
        <v>637</v>
      </c>
      <c r="C454" t="s">
        <v>92</v>
      </c>
      <c r="D454" s="3">
        <v>3</v>
      </c>
    </row>
    <row r="455" spans="1:4" x14ac:dyDescent="0.25">
      <c r="A455" t="s">
        <v>634</v>
      </c>
      <c r="B455" t="s">
        <v>636</v>
      </c>
      <c r="C455" t="s">
        <v>120</v>
      </c>
      <c r="D455" s="3">
        <v>4</v>
      </c>
    </row>
    <row r="456" spans="1:4" x14ac:dyDescent="0.25">
      <c r="A456" t="s">
        <v>634</v>
      </c>
      <c r="B456" t="s">
        <v>635</v>
      </c>
      <c r="C456" t="s">
        <v>33</v>
      </c>
      <c r="D456" s="3">
        <v>5</v>
      </c>
    </row>
    <row r="457" spans="1:4" x14ac:dyDescent="0.25">
      <c r="A457" t="s">
        <v>634</v>
      </c>
      <c r="B457" t="s">
        <v>640</v>
      </c>
      <c r="C457" t="s">
        <v>247</v>
      </c>
      <c r="D457" s="3">
        <v>6</v>
      </c>
    </row>
    <row r="458" spans="1:4" x14ac:dyDescent="0.25">
      <c r="A458" t="s">
        <v>634</v>
      </c>
      <c r="B458" t="s">
        <v>641</v>
      </c>
      <c r="C458" t="s">
        <v>255</v>
      </c>
      <c r="D458" s="3">
        <v>7</v>
      </c>
    </row>
    <row r="459" spans="1:4" x14ac:dyDescent="0.25">
      <c r="A459" t="s">
        <v>634</v>
      </c>
      <c r="B459" t="s">
        <v>146</v>
      </c>
      <c r="C459" t="s">
        <v>147</v>
      </c>
      <c r="D459" s="3">
        <v>8</v>
      </c>
    </row>
    <row r="460" spans="1:4" x14ac:dyDescent="0.25">
      <c r="A460" t="s">
        <v>634</v>
      </c>
      <c r="B460" t="s">
        <v>642</v>
      </c>
      <c r="C460" t="s">
        <v>351</v>
      </c>
      <c r="D460" s="3">
        <v>9</v>
      </c>
    </row>
    <row r="461" spans="1:4" x14ac:dyDescent="0.25">
      <c r="A461" t="s">
        <v>634</v>
      </c>
      <c r="B461" t="s">
        <v>643</v>
      </c>
      <c r="C461" t="s">
        <v>61</v>
      </c>
      <c r="D461" s="3">
        <v>10</v>
      </c>
    </row>
    <row r="462" spans="1:4" x14ac:dyDescent="0.25">
      <c r="A462" t="s">
        <v>644</v>
      </c>
      <c r="B462" t="s">
        <v>143</v>
      </c>
      <c r="C462" t="s">
        <v>10</v>
      </c>
      <c r="D462" s="3">
        <v>1</v>
      </c>
    </row>
    <row r="463" spans="1:4" x14ac:dyDescent="0.25">
      <c r="A463" t="s">
        <v>644</v>
      </c>
      <c r="B463" t="s">
        <v>648</v>
      </c>
      <c r="C463" t="s">
        <v>30</v>
      </c>
      <c r="D463" s="3">
        <v>2</v>
      </c>
    </row>
    <row r="464" spans="1:4" x14ac:dyDescent="0.25">
      <c r="A464" t="s">
        <v>644</v>
      </c>
      <c r="B464" t="s">
        <v>647</v>
      </c>
      <c r="C464" t="s">
        <v>90</v>
      </c>
      <c r="D464" s="3">
        <v>3</v>
      </c>
    </row>
    <row r="465" spans="1:4" x14ac:dyDescent="0.25">
      <c r="A465" t="s">
        <v>644</v>
      </c>
      <c r="B465" t="s">
        <v>646</v>
      </c>
      <c r="C465" t="s">
        <v>186</v>
      </c>
      <c r="D465" s="3">
        <v>4</v>
      </c>
    </row>
    <row r="466" spans="1:4" x14ac:dyDescent="0.25">
      <c r="A466" t="s">
        <v>644</v>
      </c>
      <c r="B466" t="s">
        <v>645</v>
      </c>
      <c r="C466" t="s">
        <v>60</v>
      </c>
      <c r="D466" s="3">
        <v>5</v>
      </c>
    </row>
    <row r="467" spans="1:4" x14ac:dyDescent="0.25">
      <c r="A467" t="s">
        <v>644</v>
      </c>
      <c r="B467" t="s">
        <v>652</v>
      </c>
      <c r="C467" t="s">
        <v>53</v>
      </c>
      <c r="D467" s="3">
        <v>6</v>
      </c>
    </row>
    <row r="468" spans="1:4" x14ac:dyDescent="0.25">
      <c r="A468" t="s">
        <v>644</v>
      </c>
      <c r="B468" t="s">
        <v>651</v>
      </c>
      <c r="C468" t="s">
        <v>291</v>
      </c>
      <c r="D468" s="3">
        <v>7</v>
      </c>
    </row>
    <row r="469" spans="1:4" x14ac:dyDescent="0.25">
      <c r="A469" t="s">
        <v>644</v>
      </c>
      <c r="B469" t="s">
        <v>650</v>
      </c>
      <c r="C469" t="s">
        <v>111</v>
      </c>
      <c r="D469" s="3">
        <v>8</v>
      </c>
    </row>
    <row r="470" spans="1:4" x14ac:dyDescent="0.25">
      <c r="A470" t="s">
        <v>644</v>
      </c>
      <c r="B470" t="s">
        <v>649</v>
      </c>
      <c r="C470" t="s">
        <v>148</v>
      </c>
      <c r="D470" s="3">
        <v>9</v>
      </c>
    </row>
    <row r="471" spans="1:4" x14ac:dyDescent="0.25">
      <c r="A471" t="s">
        <v>644</v>
      </c>
      <c r="B471" t="s">
        <v>653</v>
      </c>
      <c r="C471" t="s">
        <v>99</v>
      </c>
      <c r="D471" s="3">
        <v>10</v>
      </c>
    </row>
    <row r="472" spans="1:4" x14ac:dyDescent="0.25">
      <c r="A472" t="s">
        <v>654</v>
      </c>
      <c r="B472" t="s">
        <v>659</v>
      </c>
      <c r="C472" t="s">
        <v>186</v>
      </c>
      <c r="D472" s="3">
        <v>1</v>
      </c>
    </row>
    <row r="473" spans="1:4" x14ac:dyDescent="0.25">
      <c r="A473" t="s">
        <v>654</v>
      </c>
      <c r="B473" t="s">
        <v>658</v>
      </c>
      <c r="C473" t="s">
        <v>85</v>
      </c>
      <c r="D473" s="3">
        <v>2</v>
      </c>
    </row>
    <row r="474" spans="1:4" x14ac:dyDescent="0.25">
      <c r="A474" t="s">
        <v>654</v>
      </c>
      <c r="B474" t="s">
        <v>657</v>
      </c>
      <c r="C474" t="s">
        <v>76</v>
      </c>
      <c r="D474" s="3">
        <v>3</v>
      </c>
    </row>
    <row r="475" spans="1:4" x14ac:dyDescent="0.25">
      <c r="A475" t="s">
        <v>654</v>
      </c>
      <c r="B475" t="s">
        <v>656</v>
      </c>
      <c r="C475" t="s">
        <v>316</v>
      </c>
      <c r="D475" s="3">
        <v>4</v>
      </c>
    </row>
    <row r="476" spans="1:4" x14ac:dyDescent="0.25">
      <c r="A476" t="s">
        <v>654</v>
      </c>
      <c r="B476" t="s">
        <v>655</v>
      </c>
      <c r="C476" t="s">
        <v>587</v>
      </c>
      <c r="D476" s="3">
        <v>5</v>
      </c>
    </row>
    <row r="477" spans="1:4" x14ac:dyDescent="0.25">
      <c r="A477" t="s">
        <v>654</v>
      </c>
      <c r="B477" t="s">
        <v>660</v>
      </c>
      <c r="C477" t="s">
        <v>265</v>
      </c>
      <c r="D477" s="3">
        <v>6</v>
      </c>
    </row>
    <row r="478" spans="1:4" x14ac:dyDescent="0.25">
      <c r="A478" t="s">
        <v>654</v>
      </c>
      <c r="B478" t="s">
        <v>661</v>
      </c>
      <c r="C478" t="s">
        <v>70</v>
      </c>
      <c r="D478" s="3">
        <v>7</v>
      </c>
    </row>
    <row r="479" spans="1:4" x14ac:dyDescent="0.25">
      <c r="A479" t="s">
        <v>654</v>
      </c>
      <c r="B479" t="s">
        <v>664</v>
      </c>
      <c r="C479" t="s">
        <v>77</v>
      </c>
      <c r="D479" s="3">
        <v>8</v>
      </c>
    </row>
    <row r="480" spans="1:4" x14ac:dyDescent="0.25">
      <c r="A480" t="s">
        <v>654</v>
      </c>
      <c r="B480" t="s">
        <v>663</v>
      </c>
      <c r="C480" t="s">
        <v>42</v>
      </c>
      <c r="D480" s="3">
        <v>9</v>
      </c>
    </row>
    <row r="481" spans="1:4" x14ac:dyDescent="0.25">
      <c r="A481" t="s">
        <v>654</v>
      </c>
      <c r="B481" t="s">
        <v>662</v>
      </c>
      <c r="C481" t="s">
        <v>202</v>
      </c>
      <c r="D481" s="3">
        <v>10</v>
      </c>
    </row>
    <row r="482" spans="1:4" x14ac:dyDescent="0.25">
      <c r="A482" t="s">
        <v>665</v>
      </c>
      <c r="B482" t="s">
        <v>670</v>
      </c>
      <c r="C482" t="s">
        <v>70</v>
      </c>
      <c r="D482" s="3">
        <v>1</v>
      </c>
    </row>
    <row r="483" spans="1:4" x14ac:dyDescent="0.25">
      <c r="A483" t="s">
        <v>665</v>
      </c>
      <c r="B483" t="s">
        <v>669</v>
      </c>
      <c r="C483" t="s">
        <v>159</v>
      </c>
      <c r="D483" s="3">
        <v>2</v>
      </c>
    </row>
    <row r="484" spans="1:4" x14ac:dyDescent="0.25">
      <c r="A484" t="s">
        <v>665</v>
      </c>
      <c r="B484" t="s">
        <v>668</v>
      </c>
      <c r="C484" t="s">
        <v>265</v>
      </c>
      <c r="D484" s="3">
        <v>3</v>
      </c>
    </row>
    <row r="485" spans="1:4" x14ac:dyDescent="0.25">
      <c r="A485" t="s">
        <v>665</v>
      </c>
      <c r="B485" t="s">
        <v>667</v>
      </c>
      <c r="C485" t="s">
        <v>136</v>
      </c>
      <c r="D485" s="3">
        <v>4</v>
      </c>
    </row>
    <row r="486" spans="1:4" x14ac:dyDescent="0.25">
      <c r="A486" t="s">
        <v>665</v>
      </c>
      <c r="B486" t="s">
        <v>666</v>
      </c>
      <c r="C486" t="s">
        <v>58</v>
      </c>
      <c r="D486" s="3">
        <v>5</v>
      </c>
    </row>
    <row r="487" spans="1:4" x14ac:dyDescent="0.25">
      <c r="A487" t="s">
        <v>665</v>
      </c>
      <c r="B487" t="s">
        <v>671</v>
      </c>
      <c r="C487" t="s">
        <v>72</v>
      </c>
      <c r="D487" s="3">
        <v>6</v>
      </c>
    </row>
    <row r="488" spans="1:4" x14ac:dyDescent="0.25">
      <c r="A488" t="s">
        <v>665</v>
      </c>
      <c r="B488" t="s">
        <v>672</v>
      </c>
      <c r="C488" t="s">
        <v>295</v>
      </c>
      <c r="D488" s="3">
        <v>7</v>
      </c>
    </row>
    <row r="489" spans="1:4" x14ac:dyDescent="0.25">
      <c r="A489" t="s">
        <v>665</v>
      </c>
      <c r="B489" t="s">
        <v>673</v>
      </c>
      <c r="C489" t="s">
        <v>186</v>
      </c>
      <c r="D489" s="3">
        <v>8</v>
      </c>
    </row>
    <row r="490" spans="1:4" x14ac:dyDescent="0.25">
      <c r="A490" t="s">
        <v>674</v>
      </c>
      <c r="B490" t="s">
        <v>679</v>
      </c>
      <c r="C490" t="s">
        <v>154</v>
      </c>
      <c r="D490" s="3">
        <v>1</v>
      </c>
    </row>
    <row r="491" spans="1:4" x14ac:dyDescent="0.25">
      <c r="A491" t="s">
        <v>674</v>
      </c>
      <c r="B491" t="s">
        <v>678</v>
      </c>
      <c r="C491" t="s">
        <v>26</v>
      </c>
      <c r="D491" s="3">
        <v>2</v>
      </c>
    </row>
    <row r="492" spans="1:4" x14ac:dyDescent="0.25">
      <c r="A492" t="s">
        <v>674</v>
      </c>
      <c r="B492" t="s">
        <v>677</v>
      </c>
      <c r="C492" t="s">
        <v>74</v>
      </c>
      <c r="D492" s="3">
        <v>3</v>
      </c>
    </row>
    <row r="493" spans="1:4" x14ac:dyDescent="0.25">
      <c r="A493" t="s">
        <v>674</v>
      </c>
      <c r="B493" t="s">
        <v>676</v>
      </c>
      <c r="C493" t="s">
        <v>104</v>
      </c>
      <c r="D493" s="3">
        <v>4</v>
      </c>
    </row>
    <row r="494" spans="1:4" x14ac:dyDescent="0.25">
      <c r="A494" t="s">
        <v>674</v>
      </c>
      <c r="B494" t="s">
        <v>675</v>
      </c>
      <c r="C494" t="s">
        <v>17</v>
      </c>
      <c r="D494" s="3">
        <v>5</v>
      </c>
    </row>
    <row r="495" spans="1:4" x14ac:dyDescent="0.25">
      <c r="A495" t="s">
        <v>674</v>
      </c>
      <c r="B495" t="s">
        <v>684</v>
      </c>
      <c r="C495" t="s">
        <v>76</v>
      </c>
      <c r="D495" s="3">
        <v>6</v>
      </c>
    </row>
    <row r="496" spans="1:4" x14ac:dyDescent="0.25">
      <c r="A496" t="s">
        <v>674</v>
      </c>
      <c r="B496" t="s">
        <v>680</v>
      </c>
      <c r="C496" t="s">
        <v>265</v>
      </c>
      <c r="D496" s="3">
        <v>7</v>
      </c>
    </row>
    <row r="497" spans="1:4" x14ac:dyDescent="0.25">
      <c r="A497" t="s">
        <v>674</v>
      </c>
      <c r="B497" t="s">
        <v>681</v>
      </c>
      <c r="C497" t="s">
        <v>120</v>
      </c>
      <c r="D497" s="3">
        <v>8</v>
      </c>
    </row>
    <row r="498" spans="1:4" x14ac:dyDescent="0.25">
      <c r="A498" t="s">
        <v>674</v>
      </c>
      <c r="B498" t="s">
        <v>683</v>
      </c>
      <c r="C498" t="s">
        <v>186</v>
      </c>
      <c r="D498" s="3">
        <v>9</v>
      </c>
    </row>
    <row r="499" spans="1:4" x14ac:dyDescent="0.25">
      <c r="A499" t="s">
        <v>674</v>
      </c>
      <c r="B499" t="s">
        <v>682</v>
      </c>
      <c r="C499" t="s">
        <v>90</v>
      </c>
      <c r="D499" s="3">
        <v>10</v>
      </c>
    </row>
    <row r="500" spans="1:4" x14ac:dyDescent="0.25">
      <c r="A500" t="s">
        <v>685</v>
      </c>
      <c r="B500" t="s">
        <v>690</v>
      </c>
      <c r="C500" t="s">
        <v>39</v>
      </c>
      <c r="D500" s="3">
        <v>1</v>
      </c>
    </row>
    <row r="501" spans="1:4" x14ac:dyDescent="0.25">
      <c r="A501" t="s">
        <v>685</v>
      </c>
      <c r="B501" t="s">
        <v>689</v>
      </c>
      <c r="C501" t="s">
        <v>17</v>
      </c>
      <c r="D501" s="3">
        <v>2</v>
      </c>
    </row>
    <row r="502" spans="1:4" x14ac:dyDescent="0.25">
      <c r="A502" t="s">
        <v>685</v>
      </c>
      <c r="B502" t="s">
        <v>688</v>
      </c>
      <c r="C502" t="s">
        <v>117</v>
      </c>
      <c r="D502" s="3">
        <v>3</v>
      </c>
    </row>
    <row r="503" spans="1:4" x14ac:dyDescent="0.25">
      <c r="A503" t="s">
        <v>685</v>
      </c>
      <c r="B503" t="s">
        <v>687</v>
      </c>
      <c r="C503" t="s">
        <v>117</v>
      </c>
      <c r="D503" s="3">
        <v>4</v>
      </c>
    </row>
    <row r="504" spans="1:4" x14ac:dyDescent="0.25">
      <c r="A504" t="s">
        <v>685</v>
      </c>
      <c r="B504" t="s">
        <v>686</v>
      </c>
      <c r="C504" t="s">
        <v>247</v>
      </c>
      <c r="D504" s="3">
        <v>5</v>
      </c>
    </row>
    <row r="505" spans="1:4" x14ac:dyDescent="0.25">
      <c r="A505" t="s">
        <v>685</v>
      </c>
      <c r="B505" t="s">
        <v>694</v>
      </c>
      <c r="C505" t="s">
        <v>247</v>
      </c>
      <c r="D505" s="3">
        <v>6</v>
      </c>
    </row>
    <row r="506" spans="1:4" x14ac:dyDescent="0.25">
      <c r="A506" t="s">
        <v>685</v>
      </c>
      <c r="B506" t="s">
        <v>693</v>
      </c>
      <c r="C506" t="s">
        <v>390</v>
      </c>
      <c r="D506" s="3">
        <v>7</v>
      </c>
    </row>
    <row r="507" spans="1:4" x14ac:dyDescent="0.25">
      <c r="A507" t="s">
        <v>685</v>
      </c>
      <c r="B507" t="s">
        <v>692</v>
      </c>
      <c r="C507" t="s">
        <v>142</v>
      </c>
      <c r="D507" s="3">
        <v>8</v>
      </c>
    </row>
    <row r="508" spans="1:4" x14ac:dyDescent="0.25">
      <c r="A508" t="s">
        <v>685</v>
      </c>
      <c r="B508" t="s">
        <v>695</v>
      </c>
      <c r="C508" t="s">
        <v>74</v>
      </c>
      <c r="D508" s="3">
        <v>9</v>
      </c>
    </row>
    <row r="509" spans="1:4" x14ac:dyDescent="0.25">
      <c r="A509" t="s">
        <v>685</v>
      </c>
      <c r="B509" t="s">
        <v>691</v>
      </c>
      <c r="C509" t="s">
        <v>130</v>
      </c>
      <c r="D509" s="3">
        <v>10</v>
      </c>
    </row>
    <row r="510" spans="1:4" x14ac:dyDescent="0.25">
      <c r="A510" t="s">
        <v>696</v>
      </c>
      <c r="B510" t="s">
        <v>701</v>
      </c>
      <c r="C510" t="s">
        <v>287</v>
      </c>
      <c r="D510" s="3">
        <v>1</v>
      </c>
    </row>
    <row r="511" spans="1:4" x14ac:dyDescent="0.25">
      <c r="A511" t="s">
        <v>696</v>
      </c>
      <c r="B511" t="s">
        <v>700</v>
      </c>
      <c r="C511" t="s">
        <v>17</v>
      </c>
      <c r="D511" s="3">
        <v>2</v>
      </c>
    </row>
    <row r="512" spans="1:4" x14ac:dyDescent="0.25">
      <c r="A512" t="s">
        <v>696</v>
      </c>
      <c r="B512" t="s">
        <v>699</v>
      </c>
      <c r="C512" t="s">
        <v>147</v>
      </c>
      <c r="D512" s="3">
        <v>3</v>
      </c>
    </row>
    <row r="513" spans="1:4" x14ac:dyDescent="0.25">
      <c r="A513" t="s">
        <v>696</v>
      </c>
      <c r="B513" t="s">
        <v>698</v>
      </c>
      <c r="C513" t="s">
        <v>72</v>
      </c>
      <c r="D513" s="3">
        <v>4</v>
      </c>
    </row>
    <row r="514" spans="1:4" x14ac:dyDescent="0.25">
      <c r="A514" t="s">
        <v>696</v>
      </c>
      <c r="B514" t="s">
        <v>697</v>
      </c>
      <c r="C514" t="s">
        <v>58</v>
      </c>
      <c r="D514" s="3">
        <v>5</v>
      </c>
    </row>
    <row r="515" spans="1:4" x14ac:dyDescent="0.25">
      <c r="A515" t="s">
        <v>696</v>
      </c>
      <c r="B515" t="s">
        <v>702</v>
      </c>
      <c r="C515" t="s">
        <v>145</v>
      </c>
      <c r="D515" s="3">
        <v>6</v>
      </c>
    </row>
    <row r="516" spans="1:4" x14ac:dyDescent="0.25">
      <c r="A516" t="s">
        <v>696</v>
      </c>
      <c r="B516" t="s">
        <v>703</v>
      </c>
      <c r="C516" t="s">
        <v>230</v>
      </c>
      <c r="D516" s="3">
        <v>7</v>
      </c>
    </row>
    <row r="517" spans="1:4" x14ac:dyDescent="0.25">
      <c r="A517" t="s">
        <v>696</v>
      </c>
      <c r="B517" t="s">
        <v>704</v>
      </c>
      <c r="C517" t="s">
        <v>6</v>
      </c>
      <c r="D517" s="3">
        <v>8</v>
      </c>
    </row>
    <row r="518" spans="1:4" x14ac:dyDescent="0.25">
      <c r="A518" t="s">
        <v>696</v>
      </c>
      <c r="B518" t="s">
        <v>705</v>
      </c>
      <c r="C518" t="s">
        <v>110</v>
      </c>
      <c r="D518" s="3">
        <v>9</v>
      </c>
    </row>
    <row r="519" spans="1:4" x14ac:dyDescent="0.25">
      <c r="A519" t="s">
        <v>706</v>
      </c>
      <c r="B519" t="s">
        <v>711</v>
      </c>
      <c r="C519" t="s">
        <v>110</v>
      </c>
      <c r="D519" s="3">
        <v>1</v>
      </c>
    </row>
    <row r="520" spans="1:4" x14ac:dyDescent="0.25">
      <c r="A520" t="s">
        <v>706</v>
      </c>
      <c r="B520" t="s">
        <v>710</v>
      </c>
      <c r="C520" t="s">
        <v>136</v>
      </c>
      <c r="D520" s="3">
        <v>2</v>
      </c>
    </row>
    <row r="521" spans="1:4" x14ac:dyDescent="0.25">
      <c r="A521" t="s">
        <v>706</v>
      </c>
      <c r="B521" t="s">
        <v>709</v>
      </c>
      <c r="C521" t="s">
        <v>79</v>
      </c>
      <c r="D521" s="3">
        <v>3</v>
      </c>
    </row>
    <row r="522" spans="1:4" x14ac:dyDescent="0.25">
      <c r="A522" t="s">
        <v>706</v>
      </c>
      <c r="B522" t="s">
        <v>708</v>
      </c>
      <c r="C522" t="s">
        <v>92</v>
      </c>
      <c r="D522" s="3">
        <v>4</v>
      </c>
    </row>
    <row r="523" spans="1:4" x14ac:dyDescent="0.25">
      <c r="A523" t="s">
        <v>706</v>
      </c>
      <c r="B523" t="s">
        <v>707</v>
      </c>
      <c r="C523" t="s">
        <v>139</v>
      </c>
      <c r="D523" s="3">
        <v>5</v>
      </c>
    </row>
    <row r="524" spans="1:4" x14ac:dyDescent="0.25">
      <c r="A524" t="s">
        <v>706</v>
      </c>
      <c r="B524" t="s">
        <v>715</v>
      </c>
      <c r="C524" t="s">
        <v>265</v>
      </c>
      <c r="D524" s="3">
        <v>6</v>
      </c>
    </row>
    <row r="525" spans="1:4" x14ac:dyDescent="0.25">
      <c r="A525" t="s">
        <v>706</v>
      </c>
      <c r="B525" t="s">
        <v>714</v>
      </c>
      <c r="C525" t="s">
        <v>137</v>
      </c>
      <c r="D525" s="3">
        <v>7</v>
      </c>
    </row>
    <row r="526" spans="1:4" x14ac:dyDescent="0.25">
      <c r="A526" t="s">
        <v>706</v>
      </c>
      <c r="B526" t="s">
        <v>713</v>
      </c>
      <c r="C526" t="s">
        <v>291</v>
      </c>
      <c r="D526" s="3">
        <v>8</v>
      </c>
    </row>
    <row r="527" spans="1:4" x14ac:dyDescent="0.25">
      <c r="A527" t="s">
        <v>706</v>
      </c>
      <c r="B527" t="s">
        <v>712</v>
      </c>
      <c r="C527" t="s">
        <v>186</v>
      </c>
      <c r="D527" s="3">
        <v>9</v>
      </c>
    </row>
    <row r="528" spans="1:4" x14ac:dyDescent="0.25">
      <c r="A528" t="s">
        <v>706</v>
      </c>
      <c r="B528" t="s">
        <v>716</v>
      </c>
      <c r="C528" t="s">
        <v>136</v>
      </c>
      <c r="D528" s="3">
        <v>10</v>
      </c>
    </row>
    <row r="529" spans="1:4" x14ac:dyDescent="0.25">
      <c r="A529" t="s">
        <v>717</v>
      </c>
      <c r="B529" t="s">
        <v>722</v>
      </c>
      <c r="C529" t="s">
        <v>316</v>
      </c>
      <c r="D529" s="3">
        <v>1</v>
      </c>
    </row>
    <row r="530" spans="1:4" x14ac:dyDescent="0.25">
      <c r="A530" t="s">
        <v>717</v>
      </c>
      <c r="B530" t="s">
        <v>721</v>
      </c>
      <c r="C530" t="s">
        <v>17</v>
      </c>
      <c r="D530" s="3">
        <v>2</v>
      </c>
    </row>
    <row r="531" spans="1:4" x14ac:dyDescent="0.25">
      <c r="A531" t="s">
        <v>717</v>
      </c>
      <c r="B531" t="s">
        <v>720</v>
      </c>
      <c r="C531" t="s">
        <v>30</v>
      </c>
      <c r="D531" s="3">
        <v>3</v>
      </c>
    </row>
    <row r="532" spans="1:4" x14ac:dyDescent="0.25">
      <c r="A532" t="s">
        <v>717</v>
      </c>
      <c r="B532" t="s">
        <v>719</v>
      </c>
      <c r="C532" t="s">
        <v>46</v>
      </c>
      <c r="D532" s="3">
        <v>4</v>
      </c>
    </row>
    <row r="533" spans="1:4" x14ac:dyDescent="0.25">
      <c r="A533" t="s">
        <v>717</v>
      </c>
      <c r="B533" t="s">
        <v>718</v>
      </c>
      <c r="C533" t="s">
        <v>159</v>
      </c>
      <c r="D533" s="3">
        <v>5</v>
      </c>
    </row>
    <row r="534" spans="1:4" x14ac:dyDescent="0.25">
      <c r="A534" t="s">
        <v>717</v>
      </c>
      <c r="B534" t="s">
        <v>723</v>
      </c>
      <c r="C534" t="s">
        <v>72</v>
      </c>
      <c r="D534" s="3">
        <v>6</v>
      </c>
    </row>
    <row r="535" spans="1:4" x14ac:dyDescent="0.25">
      <c r="A535" t="s">
        <v>717</v>
      </c>
      <c r="B535" t="s">
        <v>724</v>
      </c>
      <c r="C535" t="s">
        <v>104</v>
      </c>
      <c r="D535" s="3">
        <v>7</v>
      </c>
    </row>
    <row r="536" spans="1:4" x14ac:dyDescent="0.25">
      <c r="A536" t="s">
        <v>717</v>
      </c>
      <c r="B536" t="s">
        <v>725</v>
      </c>
      <c r="C536" t="s">
        <v>469</v>
      </c>
      <c r="D536" s="3">
        <v>8</v>
      </c>
    </row>
    <row r="537" spans="1:4" x14ac:dyDescent="0.25">
      <c r="A537" t="s">
        <v>717</v>
      </c>
      <c r="B537" t="s">
        <v>726</v>
      </c>
      <c r="C537" t="s">
        <v>470</v>
      </c>
      <c r="D537" s="3">
        <v>9</v>
      </c>
    </row>
    <row r="538" spans="1:4" x14ac:dyDescent="0.25">
      <c r="A538" t="s">
        <v>717</v>
      </c>
      <c r="B538" t="s">
        <v>727</v>
      </c>
      <c r="C538" t="s">
        <v>72</v>
      </c>
      <c r="D538" s="3">
        <v>10</v>
      </c>
    </row>
    <row r="539" spans="1:4" x14ac:dyDescent="0.25">
      <c r="A539" t="s">
        <v>728</v>
      </c>
      <c r="B539" t="s">
        <v>733</v>
      </c>
      <c r="C539" t="s">
        <v>72</v>
      </c>
      <c r="D539" s="3">
        <v>1</v>
      </c>
    </row>
    <row r="540" spans="1:4" x14ac:dyDescent="0.25">
      <c r="A540" t="s">
        <v>728</v>
      </c>
      <c r="B540" t="s">
        <v>732</v>
      </c>
      <c r="C540" t="s">
        <v>148</v>
      </c>
      <c r="D540" s="3">
        <v>2</v>
      </c>
    </row>
    <row r="541" spans="1:4" x14ac:dyDescent="0.25">
      <c r="A541" t="s">
        <v>728</v>
      </c>
      <c r="B541" t="s">
        <v>731</v>
      </c>
      <c r="C541" t="s">
        <v>77</v>
      </c>
      <c r="D541" s="3">
        <v>3</v>
      </c>
    </row>
    <row r="542" spans="1:4" x14ac:dyDescent="0.25">
      <c r="A542" t="s">
        <v>728</v>
      </c>
      <c r="B542" t="s">
        <v>730</v>
      </c>
      <c r="C542" t="s">
        <v>389</v>
      </c>
      <c r="D542" s="3">
        <v>4</v>
      </c>
    </row>
    <row r="543" spans="1:4" x14ac:dyDescent="0.25">
      <c r="A543" t="s">
        <v>728</v>
      </c>
      <c r="B543" t="s">
        <v>729</v>
      </c>
      <c r="C543" t="s">
        <v>265</v>
      </c>
      <c r="D543" s="3">
        <v>5</v>
      </c>
    </row>
    <row r="544" spans="1:4" x14ac:dyDescent="0.25">
      <c r="A544" t="s">
        <v>728</v>
      </c>
      <c r="B544" t="s">
        <v>738</v>
      </c>
      <c r="C544" t="s">
        <v>112</v>
      </c>
      <c r="D544" s="3">
        <v>6</v>
      </c>
    </row>
    <row r="545" spans="1:4" x14ac:dyDescent="0.25">
      <c r="A545" t="s">
        <v>728</v>
      </c>
      <c r="B545" t="s">
        <v>734</v>
      </c>
      <c r="C545" t="s">
        <v>204</v>
      </c>
      <c r="D545" s="3">
        <v>7</v>
      </c>
    </row>
    <row r="546" spans="1:4" x14ac:dyDescent="0.25">
      <c r="A546" t="s">
        <v>728</v>
      </c>
      <c r="B546" t="s">
        <v>735</v>
      </c>
      <c r="C546" t="s">
        <v>572</v>
      </c>
      <c r="D546" s="3">
        <v>8</v>
      </c>
    </row>
    <row r="547" spans="1:4" x14ac:dyDescent="0.25">
      <c r="A547" t="s">
        <v>728</v>
      </c>
      <c r="B547" t="s">
        <v>737</v>
      </c>
      <c r="C547" t="s">
        <v>25</v>
      </c>
      <c r="D547" s="3">
        <v>9</v>
      </c>
    </row>
    <row r="548" spans="1:4" x14ac:dyDescent="0.25">
      <c r="A548" t="s">
        <v>728</v>
      </c>
      <c r="B548" t="s">
        <v>736</v>
      </c>
      <c r="C548" t="s">
        <v>72</v>
      </c>
      <c r="D548" s="3">
        <v>10</v>
      </c>
    </row>
    <row r="549" spans="1:4" x14ac:dyDescent="0.25">
      <c r="A549" t="s">
        <v>739</v>
      </c>
      <c r="B549" t="s">
        <v>744</v>
      </c>
      <c r="C549" t="s">
        <v>99</v>
      </c>
      <c r="D549" s="3">
        <v>1</v>
      </c>
    </row>
    <row r="550" spans="1:4" x14ac:dyDescent="0.25">
      <c r="A550" t="s">
        <v>739</v>
      </c>
      <c r="B550" t="s">
        <v>743</v>
      </c>
      <c r="C550" t="s">
        <v>32</v>
      </c>
      <c r="D550" s="3">
        <v>2</v>
      </c>
    </row>
    <row r="551" spans="1:4" x14ac:dyDescent="0.25">
      <c r="A551" t="s">
        <v>739</v>
      </c>
      <c r="B551" t="s">
        <v>742</v>
      </c>
      <c r="C551" t="s">
        <v>351</v>
      </c>
      <c r="D551" s="3">
        <v>3</v>
      </c>
    </row>
    <row r="552" spans="1:4" x14ac:dyDescent="0.25">
      <c r="A552" t="s">
        <v>739</v>
      </c>
      <c r="B552" t="s">
        <v>741</v>
      </c>
      <c r="C552" t="s">
        <v>130</v>
      </c>
      <c r="D552" s="3">
        <v>4</v>
      </c>
    </row>
    <row r="553" spans="1:4" x14ac:dyDescent="0.25">
      <c r="A553" t="s">
        <v>739</v>
      </c>
      <c r="B553" t="s">
        <v>740</v>
      </c>
      <c r="C553" t="s">
        <v>10</v>
      </c>
      <c r="D553" s="3">
        <v>5</v>
      </c>
    </row>
    <row r="554" spans="1:4" x14ac:dyDescent="0.25">
      <c r="A554" t="s">
        <v>739</v>
      </c>
      <c r="B554" t="s">
        <v>749</v>
      </c>
      <c r="C554" t="s">
        <v>53</v>
      </c>
      <c r="D554" s="3">
        <v>6</v>
      </c>
    </row>
    <row r="555" spans="1:4" x14ac:dyDescent="0.25">
      <c r="A555" t="s">
        <v>739</v>
      </c>
      <c r="B555" t="s">
        <v>746</v>
      </c>
      <c r="C555" t="s">
        <v>172</v>
      </c>
      <c r="D555" s="3">
        <v>7</v>
      </c>
    </row>
    <row r="556" spans="1:4" x14ac:dyDescent="0.25">
      <c r="A556" t="s">
        <v>739</v>
      </c>
      <c r="B556" t="s">
        <v>747</v>
      </c>
      <c r="C556" t="s">
        <v>77</v>
      </c>
      <c r="D556" s="3">
        <v>8</v>
      </c>
    </row>
    <row r="557" spans="1:4" x14ac:dyDescent="0.25">
      <c r="A557" t="s">
        <v>739</v>
      </c>
      <c r="B557" t="s">
        <v>745</v>
      </c>
      <c r="C557" t="s">
        <v>472</v>
      </c>
      <c r="D557" s="3">
        <v>9</v>
      </c>
    </row>
    <row r="558" spans="1:4" x14ac:dyDescent="0.25">
      <c r="A558" t="s">
        <v>739</v>
      </c>
      <c r="B558" t="s">
        <v>748</v>
      </c>
      <c r="C558" t="s">
        <v>76</v>
      </c>
      <c r="D558" s="3">
        <v>10</v>
      </c>
    </row>
    <row r="559" spans="1:4" x14ac:dyDescent="0.25">
      <c r="A559" t="s">
        <v>750</v>
      </c>
      <c r="B559" t="s">
        <v>755</v>
      </c>
      <c r="C559" t="s">
        <v>86</v>
      </c>
      <c r="D559" s="3">
        <v>1</v>
      </c>
    </row>
    <row r="560" spans="1:4" x14ac:dyDescent="0.25">
      <c r="A560" t="s">
        <v>750</v>
      </c>
      <c r="B560" t="s">
        <v>754</v>
      </c>
      <c r="C560" t="s">
        <v>77</v>
      </c>
      <c r="D560" s="3">
        <v>2</v>
      </c>
    </row>
    <row r="561" spans="1:4" x14ac:dyDescent="0.25">
      <c r="A561" t="s">
        <v>750</v>
      </c>
      <c r="B561" t="s">
        <v>753</v>
      </c>
      <c r="C561" t="s">
        <v>112</v>
      </c>
      <c r="D561" s="3">
        <v>3</v>
      </c>
    </row>
    <row r="562" spans="1:4" x14ac:dyDescent="0.25">
      <c r="A562" t="s">
        <v>750</v>
      </c>
      <c r="B562" t="s">
        <v>752</v>
      </c>
      <c r="C562" t="s">
        <v>110</v>
      </c>
      <c r="D562" s="3">
        <v>4</v>
      </c>
    </row>
    <row r="563" spans="1:4" x14ac:dyDescent="0.25">
      <c r="A563" t="s">
        <v>750</v>
      </c>
      <c r="B563" t="s">
        <v>751</v>
      </c>
      <c r="C563" t="s">
        <v>17</v>
      </c>
      <c r="D563" s="3">
        <v>5</v>
      </c>
    </row>
    <row r="564" spans="1:4" x14ac:dyDescent="0.25">
      <c r="A564" t="s">
        <v>750</v>
      </c>
      <c r="B564" t="s">
        <v>867</v>
      </c>
      <c r="C564" t="s">
        <v>85</v>
      </c>
      <c r="D564" s="3">
        <v>6</v>
      </c>
    </row>
    <row r="565" spans="1:4" x14ac:dyDescent="0.25">
      <c r="A565" t="s">
        <v>750</v>
      </c>
      <c r="B565" t="s">
        <v>868</v>
      </c>
      <c r="C565" t="s">
        <v>120</v>
      </c>
      <c r="D565" s="3">
        <v>7</v>
      </c>
    </row>
    <row r="566" spans="1:4" x14ac:dyDescent="0.25">
      <c r="A566" t="s">
        <v>750</v>
      </c>
      <c r="B566" t="s">
        <v>869</v>
      </c>
      <c r="C566" t="s">
        <v>186</v>
      </c>
      <c r="D566" s="3">
        <v>8</v>
      </c>
    </row>
    <row r="567" spans="1:4" x14ac:dyDescent="0.25">
      <c r="A567" t="s">
        <v>750</v>
      </c>
      <c r="B567" t="s">
        <v>870</v>
      </c>
      <c r="C567" t="s">
        <v>474</v>
      </c>
      <c r="D567" s="3">
        <v>9</v>
      </c>
    </row>
    <row r="568" spans="1:4" x14ac:dyDescent="0.25">
      <c r="A568" t="s">
        <v>750</v>
      </c>
      <c r="B568" t="s">
        <v>871</v>
      </c>
      <c r="C568" t="s">
        <v>60</v>
      </c>
      <c r="D568" s="3">
        <v>10</v>
      </c>
    </row>
    <row r="569" spans="1:4" x14ac:dyDescent="0.25">
      <c r="A569" t="s">
        <v>756</v>
      </c>
      <c r="B569" t="s">
        <v>761</v>
      </c>
      <c r="C569" t="s">
        <v>105</v>
      </c>
      <c r="D569" s="3">
        <v>1</v>
      </c>
    </row>
    <row r="570" spans="1:4" x14ac:dyDescent="0.25">
      <c r="A570" t="s">
        <v>756</v>
      </c>
      <c r="B570" t="s">
        <v>760</v>
      </c>
      <c r="C570" t="s">
        <v>247</v>
      </c>
      <c r="D570" s="3">
        <v>2</v>
      </c>
    </row>
    <row r="571" spans="1:4" x14ac:dyDescent="0.25">
      <c r="A571" t="s">
        <v>756</v>
      </c>
      <c r="B571" t="s">
        <v>759</v>
      </c>
      <c r="C571" t="s">
        <v>104</v>
      </c>
      <c r="D571" s="3">
        <v>3</v>
      </c>
    </row>
    <row r="572" spans="1:4" x14ac:dyDescent="0.25">
      <c r="A572" t="s">
        <v>756</v>
      </c>
      <c r="B572" t="s">
        <v>758</v>
      </c>
      <c r="C572" t="s">
        <v>70</v>
      </c>
      <c r="D572" s="3">
        <v>4</v>
      </c>
    </row>
    <row r="573" spans="1:4" x14ac:dyDescent="0.25">
      <c r="A573" t="s">
        <v>756</v>
      </c>
      <c r="B573" t="s">
        <v>757</v>
      </c>
      <c r="C573" t="s">
        <v>72</v>
      </c>
      <c r="D573" s="3">
        <v>5</v>
      </c>
    </row>
    <row r="574" spans="1:4" x14ac:dyDescent="0.25">
      <c r="A574" t="s">
        <v>756</v>
      </c>
      <c r="B574" t="s">
        <v>764</v>
      </c>
      <c r="C574" t="s">
        <v>159</v>
      </c>
      <c r="D574" s="3">
        <v>6</v>
      </c>
    </row>
    <row r="575" spans="1:4" x14ac:dyDescent="0.25">
      <c r="A575" t="s">
        <v>756</v>
      </c>
      <c r="B575" t="s">
        <v>763</v>
      </c>
      <c r="C575" t="s">
        <v>364</v>
      </c>
      <c r="D575" s="3">
        <v>7</v>
      </c>
    </row>
    <row r="576" spans="1:4" x14ac:dyDescent="0.25">
      <c r="A576" t="s">
        <v>756</v>
      </c>
      <c r="B576" t="s">
        <v>762</v>
      </c>
      <c r="C576" t="s">
        <v>230</v>
      </c>
      <c r="D576" s="3">
        <v>8</v>
      </c>
    </row>
    <row r="577" spans="1:4" x14ac:dyDescent="0.25">
      <c r="A577" t="s">
        <v>756</v>
      </c>
      <c r="B577" t="s">
        <v>765</v>
      </c>
      <c r="C577" t="s">
        <v>17</v>
      </c>
      <c r="D577" s="3">
        <v>9</v>
      </c>
    </row>
    <row r="578" spans="1:4" x14ac:dyDescent="0.25">
      <c r="A578" t="s">
        <v>756</v>
      </c>
      <c r="B578" t="s">
        <v>766</v>
      </c>
      <c r="C578" t="s">
        <v>255</v>
      </c>
      <c r="D578" s="3">
        <v>10</v>
      </c>
    </row>
    <row r="579" spans="1:4" x14ac:dyDescent="0.25">
      <c r="A579" t="s">
        <v>767</v>
      </c>
      <c r="B579" t="s">
        <v>772</v>
      </c>
      <c r="C579" t="s">
        <v>30</v>
      </c>
      <c r="D579" s="3">
        <v>1</v>
      </c>
    </row>
    <row r="580" spans="1:4" x14ac:dyDescent="0.25">
      <c r="A580" t="s">
        <v>767</v>
      </c>
      <c r="B580" t="s">
        <v>771</v>
      </c>
      <c r="C580" t="s">
        <v>23</v>
      </c>
      <c r="D580" s="3">
        <v>2</v>
      </c>
    </row>
    <row r="581" spans="1:4" x14ac:dyDescent="0.25">
      <c r="A581" t="s">
        <v>767</v>
      </c>
      <c r="B581" t="s">
        <v>770</v>
      </c>
      <c r="C581" t="s">
        <v>120</v>
      </c>
      <c r="D581" s="3">
        <v>3</v>
      </c>
    </row>
    <row r="582" spans="1:4" x14ac:dyDescent="0.25">
      <c r="A582" t="s">
        <v>767</v>
      </c>
      <c r="B582" t="s">
        <v>769</v>
      </c>
      <c r="C582" t="s">
        <v>186</v>
      </c>
      <c r="D582" s="3">
        <v>4</v>
      </c>
    </row>
    <row r="583" spans="1:4" x14ac:dyDescent="0.25">
      <c r="A583" t="s">
        <v>767</v>
      </c>
      <c r="B583" t="s">
        <v>768</v>
      </c>
      <c r="C583" t="s">
        <v>33</v>
      </c>
      <c r="D583" s="3">
        <v>5</v>
      </c>
    </row>
    <row r="584" spans="1:4" x14ac:dyDescent="0.25">
      <c r="A584" t="s">
        <v>767</v>
      </c>
      <c r="B584" t="s">
        <v>773</v>
      </c>
      <c r="C584" t="s">
        <v>195</v>
      </c>
      <c r="D584" s="3">
        <v>6</v>
      </c>
    </row>
    <row r="585" spans="1:4" x14ac:dyDescent="0.25">
      <c r="A585" t="s">
        <v>767</v>
      </c>
      <c r="B585" t="s">
        <v>775</v>
      </c>
      <c r="C585" t="s">
        <v>117</v>
      </c>
      <c r="D585" s="3">
        <v>7</v>
      </c>
    </row>
    <row r="586" spans="1:4" x14ac:dyDescent="0.25">
      <c r="A586" t="s">
        <v>767</v>
      </c>
      <c r="B586" t="s">
        <v>777</v>
      </c>
      <c r="C586" t="s">
        <v>21</v>
      </c>
      <c r="D586" s="3">
        <v>8</v>
      </c>
    </row>
    <row r="587" spans="1:4" x14ac:dyDescent="0.25">
      <c r="A587" t="s">
        <v>767</v>
      </c>
      <c r="B587" t="s">
        <v>774</v>
      </c>
      <c r="C587" t="s">
        <v>144</v>
      </c>
      <c r="D587" s="3">
        <v>9</v>
      </c>
    </row>
    <row r="588" spans="1:4" x14ac:dyDescent="0.25">
      <c r="A588" t="s">
        <v>767</v>
      </c>
      <c r="B588" t="s">
        <v>776</v>
      </c>
      <c r="C588" t="s">
        <v>241</v>
      </c>
      <c r="D588" s="3">
        <v>10</v>
      </c>
    </row>
    <row r="589" spans="1:4" x14ac:dyDescent="0.25">
      <c r="A589" t="s">
        <v>778</v>
      </c>
      <c r="B589" t="s">
        <v>783</v>
      </c>
      <c r="C589" t="s">
        <v>33</v>
      </c>
      <c r="D589" s="3">
        <v>1</v>
      </c>
    </row>
    <row r="590" spans="1:4" x14ac:dyDescent="0.25">
      <c r="A590" t="s">
        <v>778</v>
      </c>
      <c r="B590" t="s">
        <v>782</v>
      </c>
      <c r="C590" t="s">
        <v>247</v>
      </c>
      <c r="D590" s="3">
        <v>2</v>
      </c>
    </row>
    <row r="591" spans="1:4" x14ac:dyDescent="0.25">
      <c r="A591" t="s">
        <v>778</v>
      </c>
      <c r="B591" t="s">
        <v>781</v>
      </c>
      <c r="C591" t="s">
        <v>104</v>
      </c>
      <c r="D591" s="3">
        <v>3</v>
      </c>
    </row>
    <row r="592" spans="1:4" x14ac:dyDescent="0.25">
      <c r="A592" t="s">
        <v>778</v>
      </c>
      <c r="B592" t="s">
        <v>780</v>
      </c>
      <c r="C592" t="s">
        <v>120</v>
      </c>
      <c r="D592" s="3">
        <v>4</v>
      </c>
    </row>
    <row r="593" spans="1:4" x14ac:dyDescent="0.25">
      <c r="A593" t="s">
        <v>778</v>
      </c>
      <c r="B593" t="s">
        <v>779</v>
      </c>
      <c r="C593" t="s">
        <v>77</v>
      </c>
      <c r="D593" s="3">
        <v>5</v>
      </c>
    </row>
    <row r="594" spans="1:4" x14ac:dyDescent="0.25">
      <c r="A594" t="s">
        <v>778</v>
      </c>
      <c r="B594" t="s">
        <v>784</v>
      </c>
      <c r="C594" t="s">
        <v>265</v>
      </c>
      <c r="D594" s="3">
        <v>6</v>
      </c>
    </row>
    <row r="595" spans="1:4" x14ac:dyDescent="0.25">
      <c r="A595" t="s">
        <v>778</v>
      </c>
      <c r="B595" t="s">
        <v>785</v>
      </c>
      <c r="C595" t="s">
        <v>70</v>
      </c>
      <c r="D595" s="3">
        <v>7</v>
      </c>
    </row>
    <row r="596" spans="1:4" x14ac:dyDescent="0.25">
      <c r="A596" t="s">
        <v>778</v>
      </c>
      <c r="B596" t="s">
        <v>786</v>
      </c>
      <c r="C596" t="s">
        <v>241</v>
      </c>
      <c r="D596" s="3">
        <v>8</v>
      </c>
    </row>
    <row r="597" spans="1:4" x14ac:dyDescent="0.25">
      <c r="A597" t="s">
        <v>778</v>
      </c>
      <c r="B597" t="s">
        <v>788</v>
      </c>
      <c r="C597" t="s">
        <v>17</v>
      </c>
      <c r="D597" s="3">
        <v>9</v>
      </c>
    </row>
    <row r="598" spans="1:4" x14ac:dyDescent="0.25">
      <c r="A598" t="s">
        <v>778</v>
      </c>
      <c r="B598" t="s">
        <v>787</v>
      </c>
      <c r="C598" t="s">
        <v>25</v>
      </c>
      <c r="D598" s="3">
        <v>10</v>
      </c>
    </row>
    <row r="599" spans="1:4" x14ac:dyDescent="0.25">
      <c r="A599" t="s">
        <v>789</v>
      </c>
      <c r="B599" t="s">
        <v>794</v>
      </c>
      <c r="C599" t="s">
        <v>47</v>
      </c>
      <c r="D599" s="3">
        <v>1</v>
      </c>
    </row>
    <row r="600" spans="1:4" x14ac:dyDescent="0.25">
      <c r="A600" t="s">
        <v>789</v>
      </c>
      <c r="B600" t="s">
        <v>793</v>
      </c>
      <c r="C600" t="s">
        <v>264</v>
      </c>
      <c r="D600" s="3">
        <v>2</v>
      </c>
    </row>
    <row r="601" spans="1:4" x14ac:dyDescent="0.25">
      <c r="A601" t="s">
        <v>789</v>
      </c>
      <c r="B601" t="s">
        <v>792</v>
      </c>
      <c r="C601" t="s">
        <v>60</v>
      </c>
      <c r="D601" s="3">
        <v>3</v>
      </c>
    </row>
    <row r="602" spans="1:4" x14ac:dyDescent="0.25">
      <c r="A602" t="s">
        <v>789</v>
      </c>
      <c r="B602" t="s">
        <v>791</v>
      </c>
      <c r="C602" t="s">
        <v>255</v>
      </c>
      <c r="D602" s="3">
        <v>4</v>
      </c>
    </row>
    <row r="603" spans="1:4" x14ac:dyDescent="0.25">
      <c r="A603" t="s">
        <v>789</v>
      </c>
      <c r="B603" t="s">
        <v>790</v>
      </c>
      <c r="C603" t="s">
        <v>241</v>
      </c>
      <c r="D603" s="3">
        <v>5</v>
      </c>
    </row>
    <row r="604" spans="1:4" x14ac:dyDescent="0.25">
      <c r="A604" t="s">
        <v>789</v>
      </c>
      <c r="B604" t="s">
        <v>796</v>
      </c>
      <c r="C604" t="s">
        <v>70</v>
      </c>
      <c r="D604" s="3">
        <v>6</v>
      </c>
    </row>
    <row r="605" spans="1:4" x14ac:dyDescent="0.25">
      <c r="A605" t="s">
        <v>789</v>
      </c>
      <c r="B605" t="s">
        <v>799</v>
      </c>
      <c r="C605" t="s">
        <v>104</v>
      </c>
      <c r="D605" s="3">
        <v>7</v>
      </c>
    </row>
    <row r="606" spans="1:4" x14ac:dyDescent="0.25">
      <c r="A606" t="s">
        <v>789</v>
      </c>
      <c r="B606" t="s">
        <v>798</v>
      </c>
      <c r="C606" t="s">
        <v>12</v>
      </c>
      <c r="D606" s="3">
        <v>8</v>
      </c>
    </row>
    <row r="607" spans="1:4" x14ac:dyDescent="0.25">
      <c r="A607" t="s">
        <v>789</v>
      </c>
      <c r="B607" t="s">
        <v>795</v>
      </c>
      <c r="C607" t="s">
        <v>56</v>
      </c>
      <c r="D607" s="3">
        <v>9</v>
      </c>
    </row>
    <row r="608" spans="1:4" x14ac:dyDescent="0.25">
      <c r="A608" t="s">
        <v>789</v>
      </c>
      <c r="B608" t="s">
        <v>797</v>
      </c>
      <c r="C608" t="s">
        <v>77</v>
      </c>
      <c r="D608" s="3">
        <v>10</v>
      </c>
    </row>
    <row r="609" spans="1:4" x14ac:dyDescent="0.25">
      <c r="A609" t="s">
        <v>800</v>
      </c>
      <c r="B609" t="s">
        <v>805</v>
      </c>
      <c r="C609" t="s">
        <v>24</v>
      </c>
      <c r="D609" s="3">
        <v>1</v>
      </c>
    </row>
    <row r="610" spans="1:4" x14ac:dyDescent="0.25">
      <c r="A610" t="s">
        <v>800</v>
      </c>
      <c r="B610" t="s">
        <v>804</v>
      </c>
      <c r="C610" t="s">
        <v>145</v>
      </c>
      <c r="D610" s="3">
        <v>2</v>
      </c>
    </row>
    <row r="611" spans="1:4" x14ac:dyDescent="0.25">
      <c r="A611" t="s">
        <v>800</v>
      </c>
      <c r="B611" t="s">
        <v>803</v>
      </c>
      <c r="C611" t="s">
        <v>120</v>
      </c>
      <c r="D611" s="3">
        <v>3</v>
      </c>
    </row>
    <row r="612" spans="1:4" x14ac:dyDescent="0.25">
      <c r="A612" t="s">
        <v>800</v>
      </c>
      <c r="B612" t="s">
        <v>802</v>
      </c>
      <c r="C612" t="s">
        <v>17</v>
      </c>
      <c r="D612" s="3">
        <v>4</v>
      </c>
    </row>
    <row r="613" spans="1:4" x14ac:dyDescent="0.25">
      <c r="A613" t="s">
        <v>800</v>
      </c>
      <c r="B613" t="s">
        <v>801</v>
      </c>
      <c r="C613" t="s">
        <v>75</v>
      </c>
      <c r="D613" s="3">
        <v>5</v>
      </c>
    </row>
    <row r="614" spans="1:4" x14ac:dyDescent="0.25">
      <c r="A614" t="s">
        <v>800</v>
      </c>
      <c r="B614" t="s">
        <v>807</v>
      </c>
      <c r="C614" t="s">
        <v>81</v>
      </c>
      <c r="D614" s="3">
        <v>6</v>
      </c>
    </row>
    <row r="615" spans="1:4" x14ac:dyDescent="0.25">
      <c r="A615" t="s">
        <v>800</v>
      </c>
      <c r="B615" t="s">
        <v>808</v>
      </c>
      <c r="C615" t="s">
        <v>24</v>
      </c>
      <c r="D615" s="3">
        <v>7</v>
      </c>
    </row>
    <row r="616" spans="1:4" x14ac:dyDescent="0.25">
      <c r="A616" t="s">
        <v>800</v>
      </c>
      <c r="B616" t="s">
        <v>809</v>
      </c>
      <c r="C616" t="s">
        <v>572</v>
      </c>
      <c r="D616" s="3">
        <v>8</v>
      </c>
    </row>
    <row r="617" spans="1:4" x14ac:dyDescent="0.25">
      <c r="A617" t="s">
        <v>800</v>
      </c>
      <c r="B617" t="s">
        <v>806</v>
      </c>
      <c r="C617" t="s">
        <v>104</v>
      </c>
      <c r="D617" s="3">
        <v>9</v>
      </c>
    </row>
    <row r="618" spans="1:4" x14ac:dyDescent="0.25">
      <c r="A618" t="s">
        <v>800</v>
      </c>
      <c r="B618" t="s">
        <v>810</v>
      </c>
      <c r="C618" t="s">
        <v>56</v>
      </c>
      <c r="D618" s="3">
        <v>10</v>
      </c>
    </row>
    <row r="619" spans="1:4" x14ac:dyDescent="0.25">
      <c r="A619" t="s">
        <v>811</v>
      </c>
      <c r="B619" t="s">
        <v>816</v>
      </c>
      <c r="C619" t="s">
        <v>30</v>
      </c>
      <c r="D619" s="3">
        <v>1</v>
      </c>
    </row>
    <row r="620" spans="1:4" x14ac:dyDescent="0.25">
      <c r="A620" t="s">
        <v>811</v>
      </c>
      <c r="B620" t="s">
        <v>815</v>
      </c>
      <c r="C620" t="s">
        <v>70</v>
      </c>
      <c r="D620" s="3">
        <v>2</v>
      </c>
    </row>
    <row r="621" spans="1:4" x14ac:dyDescent="0.25">
      <c r="A621" t="s">
        <v>811</v>
      </c>
      <c r="B621" t="s">
        <v>814</v>
      </c>
      <c r="C621" t="s">
        <v>39</v>
      </c>
      <c r="D621" s="3">
        <v>3</v>
      </c>
    </row>
    <row r="622" spans="1:4" x14ac:dyDescent="0.25">
      <c r="A622" t="s">
        <v>811</v>
      </c>
      <c r="B622" t="s">
        <v>813</v>
      </c>
      <c r="C622" t="s">
        <v>144</v>
      </c>
      <c r="D622" s="3">
        <v>4</v>
      </c>
    </row>
    <row r="623" spans="1:4" x14ac:dyDescent="0.25">
      <c r="A623" t="s">
        <v>811</v>
      </c>
      <c r="B623" t="s">
        <v>812</v>
      </c>
      <c r="C623" t="s">
        <v>118</v>
      </c>
      <c r="D623" s="3">
        <v>5</v>
      </c>
    </row>
    <row r="624" spans="1:4" x14ac:dyDescent="0.25">
      <c r="A624" t="s">
        <v>811</v>
      </c>
      <c r="B624" t="s">
        <v>821</v>
      </c>
      <c r="C624" t="s">
        <v>17</v>
      </c>
      <c r="D624" s="3">
        <v>6</v>
      </c>
    </row>
    <row r="625" spans="1:4" x14ac:dyDescent="0.25">
      <c r="A625" t="s">
        <v>811</v>
      </c>
      <c r="B625" t="s">
        <v>819</v>
      </c>
      <c r="C625" t="s">
        <v>51</v>
      </c>
      <c r="D625" s="3">
        <v>7</v>
      </c>
    </row>
    <row r="626" spans="1:4" x14ac:dyDescent="0.25">
      <c r="A626" t="s">
        <v>811</v>
      </c>
      <c r="B626" t="s">
        <v>820</v>
      </c>
      <c r="C626" t="s">
        <v>10</v>
      </c>
      <c r="D626" s="3">
        <v>8</v>
      </c>
    </row>
    <row r="627" spans="1:4" x14ac:dyDescent="0.25">
      <c r="A627" t="s">
        <v>811</v>
      </c>
      <c r="B627" t="s">
        <v>817</v>
      </c>
      <c r="C627" t="s">
        <v>70</v>
      </c>
      <c r="D627" s="3">
        <v>9</v>
      </c>
    </row>
    <row r="628" spans="1:4" x14ac:dyDescent="0.25">
      <c r="A628" t="s">
        <v>811</v>
      </c>
      <c r="B628" t="s">
        <v>818</v>
      </c>
      <c r="C628" t="s">
        <v>241</v>
      </c>
      <c r="D628" s="3">
        <v>10</v>
      </c>
    </row>
    <row r="629" spans="1:4" x14ac:dyDescent="0.25">
      <c r="A629" t="s">
        <v>822</v>
      </c>
      <c r="B629" t="s">
        <v>827</v>
      </c>
      <c r="C629" t="s">
        <v>90</v>
      </c>
      <c r="D629" s="3">
        <v>1</v>
      </c>
    </row>
    <row r="630" spans="1:4" x14ac:dyDescent="0.25">
      <c r="A630" t="s">
        <v>822</v>
      </c>
      <c r="B630" t="s">
        <v>826</v>
      </c>
      <c r="C630" t="s">
        <v>76</v>
      </c>
      <c r="D630" s="3">
        <v>2</v>
      </c>
    </row>
    <row r="631" spans="1:4" x14ac:dyDescent="0.25">
      <c r="A631" t="s">
        <v>822</v>
      </c>
      <c r="B631" t="s">
        <v>825</v>
      </c>
      <c r="C631" t="s">
        <v>76</v>
      </c>
      <c r="D631" s="3">
        <v>3</v>
      </c>
    </row>
    <row r="632" spans="1:4" x14ac:dyDescent="0.25">
      <c r="A632" t="s">
        <v>822</v>
      </c>
      <c r="B632" t="s">
        <v>824</v>
      </c>
      <c r="C632" t="s">
        <v>247</v>
      </c>
      <c r="D632" s="3">
        <v>4</v>
      </c>
    </row>
    <row r="633" spans="1:4" x14ac:dyDescent="0.25">
      <c r="A633" t="s">
        <v>822</v>
      </c>
      <c r="B633" t="s">
        <v>823</v>
      </c>
      <c r="C633" t="s">
        <v>472</v>
      </c>
      <c r="D633" s="3">
        <v>5</v>
      </c>
    </row>
    <row r="634" spans="1:4" x14ac:dyDescent="0.25">
      <c r="A634" t="s">
        <v>822</v>
      </c>
      <c r="B634" t="s">
        <v>832</v>
      </c>
      <c r="C634" t="s">
        <v>117</v>
      </c>
      <c r="D634" s="3">
        <v>6</v>
      </c>
    </row>
    <row r="635" spans="1:4" x14ac:dyDescent="0.25">
      <c r="A635" t="s">
        <v>822</v>
      </c>
      <c r="B635" t="s">
        <v>830</v>
      </c>
      <c r="C635" t="s">
        <v>831</v>
      </c>
      <c r="D635" s="3">
        <v>7</v>
      </c>
    </row>
    <row r="636" spans="1:4" x14ac:dyDescent="0.25">
      <c r="A636" t="s">
        <v>822</v>
      </c>
      <c r="B636" t="s">
        <v>833</v>
      </c>
      <c r="C636" t="s">
        <v>17</v>
      </c>
      <c r="D636" s="3">
        <v>8</v>
      </c>
    </row>
    <row r="637" spans="1:4" x14ac:dyDescent="0.25">
      <c r="A637" t="s">
        <v>822</v>
      </c>
      <c r="B637" t="s">
        <v>829</v>
      </c>
      <c r="C637" t="s">
        <v>154</v>
      </c>
      <c r="D637" s="3">
        <v>9</v>
      </c>
    </row>
    <row r="638" spans="1:4" x14ac:dyDescent="0.25">
      <c r="A638" t="s">
        <v>822</v>
      </c>
      <c r="B638" t="s">
        <v>828</v>
      </c>
      <c r="C638" t="s">
        <v>70</v>
      </c>
      <c r="D638" s="3">
        <v>10</v>
      </c>
    </row>
    <row r="639" spans="1:4" x14ac:dyDescent="0.25">
      <c r="A639" t="s">
        <v>834</v>
      </c>
      <c r="B639" t="s">
        <v>839</v>
      </c>
      <c r="C639" t="s">
        <v>85</v>
      </c>
      <c r="D639" s="3">
        <v>1</v>
      </c>
    </row>
    <row r="640" spans="1:4" x14ac:dyDescent="0.25">
      <c r="A640" t="s">
        <v>834</v>
      </c>
      <c r="B640" t="s">
        <v>838</v>
      </c>
      <c r="C640" t="s">
        <v>85</v>
      </c>
      <c r="D640" s="3">
        <v>2</v>
      </c>
    </row>
    <row r="641" spans="1:4" x14ac:dyDescent="0.25">
      <c r="A641" t="s">
        <v>834</v>
      </c>
      <c r="B641" t="s">
        <v>837</v>
      </c>
      <c r="C641" t="s">
        <v>85</v>
      </c>
      <c r="D641" s="3">
        <v>3</v>
      </c>
    </row>
    <row r="642" spans="1:4" x14ac:dyDescent="0.25">
      <c r="A642" t="s">
        <v>834</v>
      </c>
      <c r="B642" t="s">
        <v>836</v>
      </c>
      <c r="C642" t="s">
        <v>81</v>
      </c>
      <c r="D642" s="3">
        <v>4</v>
      </c>
    </row>
    <row r="643" spans="1:4" x14ac:dyDescent="0.25">
      <c r="A643" t="s">
        <v>834</v>
      </c>
      <c r="B643" t="s">
        <v>835</v>
      </c>
      <c r="C643" t="s">
        <v>17</v>
      </c>
      <c r="D643" s="3">
        <v>5</v>
      </c>
    </row>
    <row r="644" spans="1:4" x14ac:dyDescent="0.25">
      <c r="A644" t="s">
        <v>834</v>
      </c>
      <c r="B644" t="s">
        <v>843</v>
      </c>
      <c r="C644" t="s">
        <v>115</v>
      </c>
      <c r="D644" s="3">
        <v>6</v>
      </c>
    </row>
    <row r="645" spans="1:4" x14ac:dyDescent="0.25">
      <c r="A645" t="s">
        <v>834</v>
      </c>
      <c r="B645" t="s">
        <v>842</v>
      </c>
      <c r="C645" t="s">
        <v>120</v>
      </c>
      <c r="D645" s="3">
        <v>7</v>
      </c>
    </row>
    <row r="646" spans="1:4" x14ac:dyDescent="0.25">
      <c r="A646" t="s">
        <v>834</v>
      </c>
      <c r="B646" t="s">
        <v>840</v>
      </c>
      <c r="C646" t="s">
        <v>136</v>
      </c>
      <c r="D646" s="3">
        <v>8</v>
      </c>
    </row>
    <row r="647" spans="1:4" x14ac:dyDescent="0.25">
      <c r="A647" t="s">
        <v>834</v>
      </c>
      <c r="B647" t="s">
        <v>844</v>
      </c>
      <c r="C647" t="s">
        <v>136</v>
      </c>
      <c r="D647" s="3">
        <v>9</v>
      </c>
    </row>
    <row r="648" spans="1:4" x14ac:dyDescent="0.25">
      <c r="A648" t="s">
        <v>834</v>
      </c>
      <c r="B648" t="s">
        <v>841</v>
      </c>
      <c r="C648" t="s">
        <v>241</v>
      </c>
      <c r="D648" s="3">
        <v>10</v>
      </c>
    </row>
    <row r="649" spans="1:4" x14ac:dyDescent="0.25">
      <c r="A649" t="s">
        <v>845</v>
      </c>
      <c r="B649" t="s">
        <v>141</v>
      </c>
      <c r="C649" t="s">
        <v>32</v>
      </c>
      <c r="D649" s="3">
        <v>1</v>
      </c>
    </row>
    <row r="650" spans="1:4" x14ac:dyDescent="0.25">
      <c r="A650" t="s">
        <v>845</v>
      </c>
      <c r="B650" t="s">
        <v>849</v>
      </c>
      <c r="C650" t="s">
        <v>117</v>
      </c>
      <c r="D650" s="3">
        <v>2</v>
      </c>
    </row>
    <row r="651" spans="1:4" x14ac:dyDescent="0.25">
      <c r="A651" t="s">
        <v>845</v>
      </c>
      <c r="B651" t="s">
        <v>848</v>
      </c>
      <c r="C651" t="s">
        <v>330</v>
      </c>
      <c r="D651" s="3">
        <v>3</v>
      </c>
    </row>
    <row r="652" spans="1:4" x14ac:dyDescent="0.25">
      <c r="A652" t="s">
        <v>845</v>
      </c>
      <c r="B652" t="s">
        <v>847</v>
      </c>
      <c r="C652" t="s">
        <v>17</v>
      </c>
      <c r="D652" s="3">
        <v>4</v>
      </c>
    </row>
    <row r="653" spans="1:4" x14ac:dyDescent="0.25">
      <c r="A653" t="s">
        <v>845</v>
      </c>
      <c r="B653" t="s">
        <v>846</v>
      </c>
      <c r="C653" t="s">
        <v>70</v>
      </c>
      <c r="D653" s="3">
        <v>5</v>
      </c>
    </row>
    <row r="654" spans="1:4" x14ac:dyDescent="0.25">
      <c r="A654" t="s">
        <v>845</v>
      </c>
      <c r="B654" t="s">
        <v>854</v>
      </c>
      <c r="C654" t="s">
        <v>104</v>
      </c>
      <c r="D654" s="3">
        <v>6</v>
      </c>
    </row>
    <row r="655" spans="1:4" x14ac:dyDescent="0.25">
      <c r="A655" t="s">
        <v>845</v>
      </c>
      <c r="B655" t="s">
        <v>851</v>
      </c>
      <c r="C655" t="s">
        <v>230</v>
      </c>
      <c r="D655" s="3">
        <v>7</v>
      </c>
    </row>
    <row r="656" spans="1:4" x14ac:dyDescent="0.25">
      <c r="A656" t="s">
        <v>845</v>
      </c>
      <c r="B656" t="s">
        <v>850</v>
      </c>
      <c r="C656" t="s">
        <v>60</v>
      </c>
      <c r="D656" s="3">
        <v>8</v>
      </c>
    </row>
    <row r="657" spans="1:4" x14ac:dyDescent="0.25">
      <c r="A657" t="s">
        <v>845</v>
      </c>
      <c r="B657" t="s">
        <v>853</v>
      </c>
      <c r="C657" t="s">
        <v>6</v>
      </c>
      <c r="D657" s="3">
        <v>9</v>
      </c>
    </row>
    <row r="658" spans="1:4" x14ac:dyDescent="0.25">
      <c r="A658" t="s">
        <v>845</v>
      </c>
      <c r="B658" t="s">
        <v>852</v>
      </c>
      <c r="C658" t="s">
        <v>159</v>
      </c>
      <c r="D658" s="3">
        <v>10</v>
      </c>
    </row>
    <row r="659" spans="1:4" x14ac:dyDescent="0.25">
      <c r="A659" t="s">
        <v>855</v>
      </c>
      <c r="B659" t="s">
        <v>859</v>
      </c>
      <c r="C659" t="s">
        <v>60</v>
      </c>
      <c r="D659" s="3">
        <v>1</v>
      </c>
    </row>
    <row r="660" spans="1:4" x14ac:dyDescent="0.25">
      <c r="A660" t="s">
        <v>855</v>
      </c>
      <c r="B660" t="s">
        <v>858</v>
      </c>
      <c r="C660" t="s">
        <v>235</v>
      </c>
      <c r="D660" s="3">
        <v>2</v>
      </c>
    </row>
    <row r="661" spans="1:4" x14ac:dyDescent="0.25">
      <c r="A661" t="s">
        <v>855</v>
      </c>
      <c r="B661" t="s">
        <v>857</v>
      </c>
      <c r="C661" t="s">
        <v>85</v>
      </c>
      <c r="D661" s="3">
        <v>3</v>
      </c>
    </row>
    <row r="662" spans="1:4" x14ac:dyDescent="0.25">
      <c r="A662" t="s">
        <v>855</v>
      </c>
      <c r="B662" t="s">
        <v>856</v>
      </c>
      <c r="C662" t="s">
        <v>90</v>
      </c>
      <c r="D662" s="3">
        <v>4</v>
      </c>
    </row>
    <row r="663" spans="1:4" x14ac:dyDescent="0.25">
      <c r="A663" t="s">
        <v>855</v>
      </c>
      <c r="B663" t="s">
        <v>140</v>
      </c>
      <c r="C663" t="s">
        <v>19</v>
      </c>
      <c r="D663" s="3">
        <v>5</v>
      </c>
    </row>
    <row r="664" spans="1:4" x14ac:dyDescent="0.25">
      <c r="A664" t="s">
        <v>855</v>
      </c>
      <c r="B664" t="s">
        <v>863</v>
      </c>
      <c r="C664" t="s">
        <v>60</v>
      </c>
      <c r="D664" s="3">
        <v>6</v>
      </c>
    </row>
    <row r="665" spans="1:4" x14ac:dyDescent="0.25">
      <c r="A665" t="s">
        <v>855</v>
      </c>
      <c r="B665" t="s">
        <v>862</v>
      </c>
      <c r="C665" t="s">
        <v>58</v>
      </c>
      <c r="D665" s="3">
        <v>7</v>
      </c>
    </row>
    <row r="666" spans="1:4" x14ac:dyDescent="0.25">
      <c r="A666" t="s">
        <v>855</v>
      </c>
      <c r="B666" t="s">
        <v>864</v>
      </c>
      <c r="C666" t="s">
        <v>101</v>
      </c>
      <c r="D666" s="3">
        <v>8</v>
      </c>
    </row>
    <row r="667" spans="1:4" x14ac:dyDescent="0.25">
      <c r="A667" t="s">
        <v>855</v>
      </c>
      <c r="B667" t="s">
        <v>861</v>
      </c>
      <c r="C667" t="s">
        <v>17</v>
      </c>
      <c r="D667" s="3">
        <v>9</v>
      </c>
    </row>
    <row r="668" spans="1:4" x14ac:dyDescent="0.25">
      <c r="A668" t="s">
        <v>855</v>
      </c>
      <c r="B668" t="s">
        <v>860</v>
      </c>
      <c r="C668" t="s">
        <v>17</v>
      </c>
      <c r="D668" s="3">
        <v>10</v>
      </c>
    </row>
  </sheetData>
  <sortState xmlns:xlrd2="http://schemas.microsoft.com/office/spreadsheetml/2017/richdata2" ref="A2:Y1707">
    <sortCondition ref="A2:A1707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ults (5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irvin, Jennifer</dc:creator>
  <cp:lastModifiedBy>Davis, Molly</cp:lastModifiedBy>
  <dcterms:created xsi:type="dcterms:W3CDTF">2018-04-20T13:48:22Z</dcterms:created>
  <dcterms:modified xsi:type="dcterms:W3CDTF">2021-07-19T16:51:01Z</dcterms:modified>
</cp:coreProperties>
</file>